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7表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第7表!$A$1:$AR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7" uniqueCount="94">
  <si>
    <t xml:space="preserve">第７－１表 経理状況(歳入)－１  </t>
  </si>
  <si>
    <t>第７－１表 経理状況(歳入)－２</t>
  </si>
  <si>
    <t>第７－１表 経理状況(歳入)－３</t>
    <phoneticPr fontId="0"/>
  </si>
  <si>
    <t>（単位：円）</t>
  </si>
  <si>
    <t>保険者名</t>
  </si>
  <si>
    <t>保険料(税)</t>
  </si>
  <si>
    <t>国   庫   支   出   金</t>
  </si>
  <si>
    <t>療養給付費
交付金</t>
    <rPh sb="6" eb="9">
      <t>コウフキン</t>
    </rPh>
    <phoneticPr fontId="0"/>
  </si>
  <si>
    <t>前期高齢者交付金</t>
    <rPh sb="0" eb="2">
      <t>ゼンキ</t>
    </rPh>
    <rPh sb="2" eb="5">
      <t>コウレイシャ</t>
    </rPh>
    <rPh sb="5" eb="8">
      <t>コウフキン</t>
    </rPh>
    <phoneticPr fontId="0"/>
  </si>
  <si>
    <t>県　　　　支　　　　出　　　　金</t>
    <rPh sb="0" eb="1">
      <t>ケン</t>
    </rPh>
    <rPh sb="5" eb="6">
      <t>ササ</t>
    </rPh>
    <rPh sb="10" eb="11">
      <t>デ</t>
    </rPh>
    <rPh sb="15" eb="16">
      <t>キン</t>
    </rPh>
    <phoneticPr fontId="0"/>
  </si>
  <si>
    <t>連合会
支出金</t>
    <rPh sb="0" eb="3">
      <t>レンゴウカイ</t>
    </rPh>
    <rPh sb="4" eb="6">
      <t>シシュツ</t>
    </rPh>
    <phoneticPr fontId="0"/>
  </si>
  <si>
    <t>共  同  事  業  交  付  金</t>
    <phoneticPr fontId="0"/>
  </si>
  <si>
    <t>一     般     会     計     繰     入     金</t>
  </si>
  <si>
    <t>保　険　者　名</t>
    <rPh sb="0" eb="1">
      <t>タモツ</t>
    </rPh>
    <rPh sb="2" eb="3">
      <t>ケン</t>
    </rPh>
    <rPh sb="4" eb="5">
      <t>シャ</t>
    </rPh>
    <rPh sb="6" eb="7">
      <t>メイ</t>
    </rPh>
    <phoneticPr fontId="0"/>
  </si>
  <si>
    <t>一　般　会　計　繰　入　金</t>
    <rPh sb="0" eb="1">
      <t>イチ</t>
    </rPh>
    <rPh sb="2" eb="3">
      <t>パン</t>
    </rPh>
    <rPh sb="4" eb="5">
      <t>カイ</t>
    </rPh>
    <rPh sb="6" eb="7">
      <t>ケイ</t>
    </rPh>
    <rPh sb="8" eb="9">
      <t>クリ</t>
    </rPh>
    <rPh sb="10" eb="11">
      <t>イリ</t>
    </rPh>
    <rPh sb="12" eb="13">
      <t>キン</t>
    </rPh>
    <phoneticPr fontId="0"/>
  </si>
  <si>
    <t>直診勘定繰入金</t>
    <rPh sb="0" eb="1">
      <t>ジキ</t>
    </rPh>
    <rPh sb="1" eb="2">
      <t>ミ</t>
    </rPh>
    <rPh sb="2" eb="4">
      <t>カンジョウ</t>
    </rPh>
    <rPh sb="4" eb="6">
      <t>クリイレ</t>
    </rPh>
    <rPh sb="6" eb="7">
      <t>キン</t>
    </rPh>
    <phoneticPr fontId="0"/>
  </si>
  <si>
    <t>その他の収入</t>
    <rPh sb="2" eb="3">
      <t>タ</t>
    </rPh>
    <rPh sb="4" eb="6">
      <t>シュウニュウ</t>
    </rPh>
    <phoneticPr fontId="0"/>
  </si>
  <si>
    <t>単年度収入計</t>
    <rPh sb="0" eb="3">
      <t>タンネンド</t>
    </rPh>
    <rPh sb="3" eb="5">
      <t>シュウニュウ</t>
    </rPh>
    <rPh sb="5" eb="6">
      <t>ケイ</t>
    </rPh>
    <phoneticPr fontId="0"/>
  </si>
  <si>
    <t>基金等繰入金</t>
    <rPh sb="0" eb="2">
      <t>キキン</t>
    </rPh>
    <rPh sb="2" eb="3">
      <t>トウ</t>
    </rPh>
    <rPh sb="3" eb="6">
      <t>クリイレキン</t>
    </rPh>
    <phoneticPr fontId="0"/>
  </si>
  <si>
    <t>繰 越 金</t>
  </si>
  <si>
    <t>市町村債　　　（組合債）</t>
    <rPh sb="0" eb="3">
      <t>シチョウソン</t>
    </rPh>
    <rPh sb="3" eb="4">
      <t>サイ</t>
    </rPh>
    <rPh sb="8" eb="10">
      <t>クミアイ</t>
    </rPh>
    <rPh sb="10" eb="11">
      <t>サイ</t>
    </rPh>
    <phoneticPr fontId="0"/>
  </si>
  <si>
    <t>収　入　合  計</t>
    <rPh sb="0" eb="1">
      <t>オサム</t>
    </rPh>
    <rPh sb="2" eb="3">
      <t>イリ</t>
    </rPh>
    <rPh sb="4" eb="5">
      <t>ゴウ</t>
    </rPh>
    <phoneticPr fontId="0"/>
  </si>
  <si>
    <t>事務費負担金</t>
  </si>
  <si>
    <t>療養給付費等
負担金</t>
    <rPh sb="5" eb="6">
      <t>トウ</t>
    </rPh>
    <phoneticPr fontId="0"/>
  </si>
  <si>
    <t>高額医療費共同事業負担金</t>
    <rPh sb="0" eb="2">
      <t>コウガク</t>
    </rPh>
    <rPh sb="2" eb="4">
      <t>イリョウ</t>
    </rPh>
    <rPh sb="4" eb="5">
      <t>ヒ</t>
    </rPh>
    <rPh sb="5" eb="7">
      <t>キョウドウ</t>
    </rPh>
    <rPh sb="7" eb="9">
      <t>ジギョウ</t>
    </rPh>
    <rPh sb="9" eb="12">
      <t>フタンキン</t>
    </rPh>
    <phoneticPr fontId="0"/>
  </si>
  <si>
    <t>特定健康診査等負担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phoneticPr fontId="0"/>
  </si>
  <si>
    <t>普通調整
交付金</t>
    <rPh sb="0" eb="2">
      <t>フツウ</t>
    </rPh>
    <rPh sb="2" eb="4">
      <t>チョウセイ</t>
    </rPh>
    <rPh sb="5" eb="8">
      <t>コウフキン</t>
    </rPh>
    <phoneticPr fontId="0"/>
  </si>
  <si>
    <t>特別調整
交付金</t>
    <rPh sb="0" eb="2">
      <t>トクベツ</t>
    </rPh>
    <rPh sb="2" eb="4">
      <t>チョウセイ</t>
    </rPh>
    <rPh sb="5" eb="8">
      <t>コウフキン</t>
    </rPh>
    <phoneticPr fontId="0"/>
  </si>
  <si>
    <t>出産育児等
補助金</t>
    <rPh sb="4" eb="5">
      <t>トウ</t>
    </rPh>
    <rPh sb="6" eb="9">
      <t>ホジョキン</t>
    </rPh>
    <phoneticPr fontId="0"/>
  </si>
  <si>
    <t>特別対策費
補助金</t>
    <rPh sb="4" eb="5">
      <t>ヒ</t>
    </rPh>
    <phoneticPr fontId="0"/>
  </si>
  <si>
    <t>計</t>
  </si>
  <si>
    <t>高額医療費共同　　　事業負担金</t>
    <rPh sb="0" eb="2">
      <t>コウガク</t>
    </rPh>
    <rPh sb="2" eb="4">
      <t>イリョウ</t>
    </rPh>
    <rPh sb="4" eb="5">
      <t>ヒ</t>
    </rPh>
    <rPh sb="5" eb="7">
      <t>キョウドウ</t>
    </rPh>
    <rPh sb="10" eb="12">
      <t>ジギョウ</t>
    </rPh>
    <rPh sb="12" eb="15">
      <t>フタンキン</t>
    </rPh>
    <phoneticPr fontId="0"/>
  </si>
  <si>
    <t>特定健康診査等　　負担金</t>
    <rPh sb="0" eb="2">
      <t>トクテイ</t>
    </rPh>
    <rPh sb="2" eb="4">
      <t>ケンコウ</t>
    </rPh>
    <rPh sb="4" eb="6">
      <t>シンサ</t>
    </rPh>
    <rPh sb="6" eb="7">
      <t>トウ</t>
    </rPh>
    <rPh sb="9" eb="12">
      <t>フタンキン</t>
    </rPh>
    <phoneticPr fontId="0"/>
  </si>
  <si>
    <t>第１号都道府県
調整交付金</t>
    <rPh sb="0" eb="1">
      <t>ダイ</t>
    </rPh>
    <rPh sb="2" eb="3">
      <t>ゴウ</t>
    </rPh>
    <rPh sb="3" eb="7">
      <t>トドウフケン</t>
    </rPh>
    <rPh sb="8" eb="10">
      <t>チョウセイ</t>
    </rPh>
    <rPh sb="10" eb="13">
      <t>コウフキン</t>
    </rPh>
    <phoneticPr fontId="0"/>
  </si>
  <si>
    <t>第２号都道府県
調整交付金</t>
    <rPh sb="0" eb="1">
      <t>ダイ</t>
    </rPh>
    <rPh sb="2" eb="3">
      <t>ゴウ</t>
    </rPh>
    <rPh sb="3" eb="7">
      <t>トドウフケン</t>
    </rPh>
    <rPh sb="8" eb="10">
      <t>チョウセイ</t>
    </rPh>
    <rPh sb="10" eb="13">
      <t>コウフキン</t>
    </rPh>
    <phoneticPr fontId="0"/>
  </si>
  <si>
    <t>広域化等支援　　基金支出金</t>
    <rPh sb="0" eb="3">
      <t>コウイキカ</t>
    </rPh>
    <rPh sb="3" eb="4">
      <t>トウ</t>
    </rPh>
    <rPh sb="4" eb="6">
      <t>シエン</t>
    </rPh>
    <rPh sb="8" eb="10">
      <t>キキン</t>
    </rPh>
    <rPh sb="10" eb="13">
      <t>シシュツキン</t>
    </rPh>
    <phoneticPr fontId="0"/>
  </si>
  <si>
    <t>その他</t>
    <rPh sb="2" eb="3">
      <t>タ</t>
    </rPh>
    <phoneticPr fontId="0"/>
  </si>
  <si>
    <t>高額医療費
共同事業</t>
    <rPh sb="0" eb="2">
      <t>コウガク</t>
    </rPh>
    <rPh sb="2" eb="5">
      <t>イリョウヒ</t>
    </rPh>
    <rPh sb="6" eb="8">
      <t>キョウドウ</t>
    </rPh>
    <rPh sb="8" eb="10">
      <t>ジギョウ</t>
    </rPh>
    <phoneticPr fontId="0"/>
  </si>
  <si>
    <t>保険財政
共同安定化事業</t>
    <rPh sb="0" eb="2">
      <t>ホケン</t>
    </rPh>
    <rPh sb="2" eb="4">
      <t>ザイセイ</t>
    </rPh>
    <rPh sb="5" eb="7">
      <t>キョウドウ</t>
    </rPh>
    <rPh sb="7" eb="10">
      <t>アンテイカ</t>
    </rPh>
    <rPh sb="10" eb="12">
      <t>ジギョウ</t>
    </rPh>
    <phoneticPr fontId="0"/>
  </si>
  <si>
    <t>保険基盤安定           （保険税軽減分）</t>
    <rPh sb="18" eb="20">
      <t>ホケン</t>
    </rPh>
    <rPh sb="20" eb="21">
      <t>ゼイ</t>
    </rPh>
    <rPh sb="21" eb="23">
      <t>ケイゲン</t>
    </rPh>
    <rPh sb="23" eb="24">
      <t>ブン</t>
    </rPh>
    <phoneticPr fontId="0"/>
  </si>
  <si>
    <t>保険基盤安定         （保険者支援分）</t>
    <rPh sb="16" eb="19">
      <t>ホケンシャ</t>
    </rPh>
    <rPh sb="19" eb="21">
      <t>シエン</t>
    </rPh>
    <rPh sb="21" eb="22">
      <t>ブン</t>
    </rPh>
    <phoneticPr fontId="0"/>
  </si>
  <si>
    <t>基準超
過費用</t>
    <phoneticPr fontId="0"/>
  </si>
  <si>
    <t>職員給与費等</t>
  </si>
  <si>
    <t>出産育児</t>
  </si>
  <si>
    <t>財政安定支援</t>
  </si>
  <si>
    <t>その他</t>
  </si>
  <si>
    <t>平成24年度</t>
    <phoneticPr fontId="0"/>
  </si>
  <si>
    <t>平成25年度</t>
    <phoneticPr fontId="0"/>
  </si>
  <si>
    <t>平成26年度</t>
    <phoneticPr fontId="0"/>
  </si>
  <si>
    <t>平成27年度</t>
    <phoneticPr fontId="0"/>
  </si>
  <si>
    <t>平成27年度</t>
  </si>
  <si>
    <t>平成28年度</t>
    <phoneticPr fontId="0"/>
  </si>
  <si>
    <t xml:space="preserve"> 横浜市</t>
    <phoneticPr fontId="0"/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市町村計</t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 xml:space="preserve"> 建設連合</t>
    <phoneticPr fontId="0"/>
  </si>
  <si>
    <t>組  合  計</t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8"/>
      <name val="ＭＳ Ｐゴシック"/>
      <family val="3"/>
      <charset val="128"/>
    </font>
    <font>
      <u/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8.5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color indexed="10"/>
      <name val="ＭＳ Ｐゴシック"/>
      <family val="3"/>
      <charset val="128"/>
    </font>
    <font>
      <sz val="14"/>
      <name val="Terminal"/>
      <family val="3"/>
      <charset val="255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5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8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0" fontId="1" fillId="0" borderId="0"/>
    <xf numFmtId="37" fontId="9" fillId="0" borderId="0"/>
    <xf numFmtId="0" fontId="1" fillId="0" borderId="0"/>
  </cellStyleXfs>
  <cellXfs count="118">
    <xf numFmtId="0" fontId="0" fillId="0" borderId="0" xfId="0"/>
    <xf numFmtId="0" fontId="1" fillId="0" borderId="0" xfId="2" applyFont="1" applyBorder="1" applyAlignment="1" applyProtection="1">
      <alignment horizontal="left" vertical="center"/>
    </xf>
    <xf numFmtId="0" fontId="3" fillId="0" borderId="0" xfId="2" applyFont="1" applyAlignment="1">
      <alignment vertical="center"/>
    </xf>
    <xf numFmtId="0" fontId="4" fillId="0" borderId="0" xfId="2" applyFont="1" applyBorder="1" applyAlignment="1" applyProtection="1">
      <alignment vertical="center"/>
    </xf>
    <xf numFmtId="0" fontId="3" fillId="0" borderId="0" xfId="2" applyFont="1" applyBorder="1" applyAlignment="1">
      <alignment vertical="center"/>
    </xf>
    <xf numFmtId="0" fontId="3" fillId="0" borderId="0" xfId="2" applyFont="1" applyBorder="1" applyAlignment="1" applyProtection="1">
      <alignment horizontal="right" vertical="center"/>
    </xf>
    <xf numFmtId="0" fontId="3" fillId="0" borderId="0" xfId="0" applyFont="1"/>
    <xf numFmtId="38" fontId="3" fillId="0" borderId="0" xfId="1" applyFont="1" applyAlignment="1">
      <alignment vertical="center"/>
    </xf>
    <xf numFmtId="0" fontId="3" fillId="0" borderId="0" xfId="2" applyFont="1" applyBorder="1" applyAlignment="1" applyProtection="1">
      <alignment horizontal="left" vertical="center"/>
    </xf>
    <xf numFmtId="0" fontId="3" fillId="0" borderId="0" xfId="2" applyFont="1" applyBorder="1" applyAlignment="1">
      <alignment horizontal="right" vertical="center"/>
    </xf>
    <xf numFmtId="0" fontId="5" fillId="0" borderId="4" xfId="2" applyFont="1" applyBorder="1" applyAlignment="1" applyProtection="1">
      <alignment horizontal="centerContinuous" vertical="center"/>
    </xf>
    <xf numFmtId="0" fontId="5" fillId="0" borderId="5" xfId="2" applyFont="1" applyBorder="1" applyAlignment="1">
      <alignment horizontal="centerContinuous" vertical="center"/>
    </xf>
    <xf numFmtId="0" fontId="5" fillId="0" borderId="5" xfId="2" applyFont="1" applyBorder="1" applyAlignment="1" applyProtection="1">
      <alignment horizontal="centerContinuous" vertical="center"/>
    </xf>
    <xf numFmtId="0" fontId="6" fillId="0" borderId="12" xfId="2" applyFont="1" applyBorder="1" applyAlignment="1" applyProtection="1">
      <alignment horizontal="center" vertical="center"/>
    </xf>
    <xf numFmtId="0" fontId="6" fillId="0" borderId="12" xfId="2" applyFont="1" applyBorder="1" applyAlignment="1" applyProtection="1">
      <alignment horizontal="center" vertical="center" wrapText="1" justifyLastLine="1"/>
    </xf>
    <xf numFmtId="0" fontId="6" fillId="0" borderId="12" xfId="2" applyFont="1" applyBorder="1" applyAlignment="1" applyProtection="1">
      <alignment horizontal="center" vertical="center" wrapText="1"/>
    </xf>
    <xf numFmtId="0" fontId="6" fillId="0" borderId="11" xfId="2" applyFont="1" applyBorder="1" applyAlignment="1" applyProtection="1">
      <alignment horizontal="center" vertical="center" wrapText="1"/>
    </xf>
    <xf numFmtId="0" fontId="6" fillId="0" borderId="13" xfId="2" applyFont="1" applyBorder="1" applyAlignment="1" applyProtection="1">
      <alignment horizontal="center" vertical="center" wrapText="1"/>
    </xf>
    <xf numFmtId="0" fontId="5" fillId="0" borderId="12" xfId="2" applyFont="1" applyBorder="1" applyAlignment="1" applyProtection="1">
      <alignment horizontal="center" vertical="center"/>
    </xf>
    <xf numFmtId="0" fontId="3" fillId="0" borderId="10" xfId="2" applyFont="1" applyBorder="1" applyAlignment="1" applyProtection="1">
      <alignment horizontal="center" vertical="center" wrapText="1"/>
    </xf>
    <xf numFmtId="0" fontId="3" fillId="0" borderId="11" xfId="2" applyFont="1" applyBorder="1" applyAlignment="1" applyProtection="1">
      <alignment horizontal="center" vertical="center" wrapText="1"/>
    </xf>
    <xf numFmtId="0" fontId="3" fillId="0" borderId="12" xfId="2" applyFont="1" applyBorder="1" applyAlignment="1" applyProtection="1">
      <alignment horizontal="center" vertical="center" wrapText="1"/>
    </xf>
    <xf numFmtId="0" fontId="5" fillId="0" borderId="14" xfId="2" applyFont="1" applyBorder="1" applyAlignment="1" applyProtection="1">
      <alignment horizontal="center" vertical="center"/>
    </xf>
    <xf numFmtId="0" fontId="5" fillId="0" borderId="11" xfId="2" applyFont="1" applyBorder="1" applyAlignment="1" applyProtection="1">
      <alignment horizontal="center" vertical="center"/>
    </xf>
    <xf numFmtId="38" fontId="3" fillId="0" borderId="15" xfId="1" applyFont="1" applyBorder="1" applyAlignment="1">
      <alignment vertical="center"/>
    </xf>
    <xf numFmtId="38" fontId="3" fillId="0" borderId="0" xfId="1" applyFont="1" applyBorder="1" applyAlignment="1">
      <alignment vertical="center"/>
    </xf>
    <xf numFmtId="38" fontId="7" fillId="0" borderId="18" xfId="1" applyFont="1" applyBorder="1" applyAlignment="1" applyProtection="1"/>
    <xf numFmtId="38" fontId="7" fillId="0" borderId="19" xfId="1" applyFont="1" applyBorder="1" applyAlignment="1" applyProtection="1"/>
    <xf numFmtId="38" fontId="7" fillId="0" borderId="21" xfId="1" applyFont="1" applyBorder="1" applyAlignment="1" applyProtection="1"/>
    <xf numFmtId="38" fontId="7" fillId="0" borderId="22" xfId="1" applyFont="1" applyBorder="1" applyAlignment="1" applyProtection="1"/>
    <xf numFmtId="38" fontId="7" fillId="0" borderId="27" xfId="1" applyFont="1" applyBorder="1" applyAlignment="1" applyProtection="1"/>
    <xf numFmtId="38" fontId="7" fillId="0" borderId="21" xfId="1" applyFont="1" applyBorder="1" applyAlignment="1" applyProtection="1">
      <alignment horizontal="right"/>
    </xf>
    <xf numFmtId="38" fontId="7" fillId="0" borderId="25" xfId="1" applyFont="1" applyBorder="1" applyAlignment="1" applyProtection="1"/>
    <xf numFmtId="38" fontId="7" fillId="0" borderId="26" xfId="1" applyFont="1" applyBorder="1" applyAlignment="1" applyProtection="1"/>
    <xf numFmtId="38" fontId="7" fillId="0" borderId="12" xfId="1" applyFont="1" applyBorder="1" applyAlignment="1" applyProtection="1"/>
    <xf numFmtId="38" fontId="7" fillId="0" borderId="11" xfId="1" applyFont="1" applyBorder="1" applyAlignment="1" applyProtection="1"/>
    <xf numFmtId="38" fontId="7" fillId="0" borderId="14" xfId="1" applyFont="1" applyBorder="1" applyAlignment="1" applyProtection="1"/>
    <xf numFmtId="38" fontId="7" fillId="0" borderId="30" xfId="1" applyFont="1" applyBorder="1" applyAlignment="1" applyProtection="1"/>
    <xf numFmtId="38" fontId="7" fillId="0" borderId="30" xfId="1" applyFont="1" applyBorder="1" applyAlignment="1" applyProtection="1">
      <alignment horizontal="right"/>
    </xf>
    <xf numFmtId="38" fontId="7" fillId="0" borderId="10" xfId="1" applyFont="1" applyBorder="1" applyAlignment="1" applyProtection="1"/>
    <xf numFmtId="38" fontId="7" fillId="0" borderId="33" xfId="1" applyFont="1" applyBorder="1" applyAlignment="1" applyProtection="1"/>
    <xf numFmtId="38" fontId="7" fillId="0" borderId="34" xfId="1" applyFont="1" applyBorder="1" applyAlignment="1" applyProtection="1"/>
    <xf numFmtId="0" fontId="8" fillId="0" borderId="0" xfId="2" applyFont="1" applyAlignment="1">
      <alignment vertical="center"/>
    </xf>
    <xf numFmtId="0" fontId="5" fillId="0" borderId="15" xfId="0" applyFont="1" applyBorder="1" applyAlignment="1" applyProtection="1"/>
    <xf numFmtId="37" fontId="10" fillId="0" borderId="35" xfId="3" applyFont="1" applyFill="1" applyBorder="1" applyAlignment="1" applyProtection="1">
      <alignment horizontal="left"/>
    </xf>
    <xf numFmtId="38" fontId="7" fillId="0" borderId="25" xfId="1" quotePrefix="1" applyFont="1" applyBorder="1" applyAlignment="1" applyProtection="1"/>
    <xf numFmtId="38" fontId="7" fillId="0" borderId="27" xfId="1" quotePrefix="1" applyFont="1" applyBorder="1" applyAlignment="1" applyProtection="1"/>
    <xf numFmtId="38" fontId="7" fillId="0" borderId="36" xfId="1" quotePrefix="1" applyFont="1" applyBorder="1" applyAlignment="1" applyProtection="1"/>
    <xf numFmtId="38" fontId="7" fillId="0" borderId="24" xfId="1" quotePrefix="1" applyFont="1" applyBorder="1" applyAlignment="1" applyProtection="1"/>
    <xf numFmtId="38" fontId="7" fillId="0" borderId="23" xfId="1" quotePrefix="1" applyFont="1" applyBorder="1" applyAlignment="1" applyProtection="1"/>
    <xf numFmtId="38" fontId="7" fillId="0" borderId="37" xfId="1" quotePrefix="1" applyFont="1" applyBorder="1" applyAlignment="1" applyProtection="1"/>
    <xf numFmtId="38" fontId="7" fillId="0" borderId="36" xfId="1" applyFont="1" applyBorder="1" applyAlignment="1" applyProtection="1"/>
    <xf numFmtId="37" fontId="10" fillId="0" borderId="38" xfId="3" applyFont="1" applyFill="1" applyBorder="1" applyAlignment="1" applyProtection="1">
      <alignment horizontal="left"/>
    </xf>
    <xf numFmtId="38" fontId="7" fillId="0" borderId="24" xfId="1" applyFont="1" applyBorder="1" applyAlignment="1" applyProtection="1"/>
    <xf numFmtId="38" fontId="7" fillId="0" borderId="39" xfId="1" applyFont="1" applyBorder="1" applyAlignment="1" applyProtection="1"/>
    <xf numFmtId="0" fontId="5" fillId="0" borderId="9" xfId="0" applyFont="1" applyBorder="1" applyAlignment="1" applyProtection="1"/>
    <xf numFmtId="37" fontId="10" fillId="0" borderId="40" xfId="3" applyFont="1" applyFill="1" applyBorder="1" applyAlignment="1" applyProtection="1">
      <alignment horizontal="left"/>
    </xf>
    <xf numFmtId="38" fontId="7" fillId="0" borderId="41" xfId="1" applyFont="1" applyBorder="1" applyAlignment="1" applyProtection="1"/>
    <xf numFmtId="38" fontId="7" fillId="0" borderId="39" xfId="1" quotePrefix="1" applyFont="1" applyBorder="1" applyAlignment="1" applyProtection="1"/>
    <xf numFmtId="38" fontId="7" fillId="0" borderId="42" xfId="1" applyFont="1" applyFill="1" applyBorder="1" applyAlignment="1" applyProtection="1"/>
    <xf numFmtId="38" fontId="7" fillId="0" borderId="42" xfId="1" applyFont="1" applyBorder="1" applyAlignment="1" applyProtection="1"/>
    <xf numFmtId="38" fontId="7" fillId="0" borderId="33" xfId="1" applyFont="1" applyFill="1" applyBorder="1" applyAlignment="1" applyProtection="1"/>
    <xf numFmtId="38" fontId="7" fillId="0" borderId="34" xfId="1" applyFont="1" applyFill="1" applyBorder="1" applyAlignment="1" applyProtection="1"/>
    <xf numFmtId="38" fontId="7" fillId="0" borderId="43" xfId="1" applyFont="1" applyBorder="1" applyAlignment="1" applyProtection="1"/>
    <xf numFmtId="38" fontId="7" fillId="0" borderId="32" xfId="1" applyFont="1" applyBorder="1" applyAlignment="1" applyProtection="1"/>
    <xf numFmtId="38" fontId="7" fillId="0" borderId="44" xfId="1" applyFont="1" applyBorder="1" applyAlignment="1" applyProtection="1"/>
    <xf numFmtId="38" fontId="5" fillId="0" borderId="23" xfId="1" applyFont="1" applyBorder="1" applyAlignment="1" applyProtection="1">
      <alignment horizontal="left"/>
    </xf>
    <xf numFmtId="38" fontId="7" fillId="0" borderId="20" xfId="1" applyFont="1" applyBorder="1" applyAlignment="1" applyProtection="1"/>
    <xf numFmtId="38" fontId="5" fillId="0" borderId="27" xfId="1" applyFont="1" applyBorder="1" applyAlignment="1" applyProtection="1">
      <alignment horizontal="left"/>
    </xf>
    <xf numFmtId="38" fontId="5" fillId="0" borderId="11" xfId="1" applyFont="1" applyBorder="1" applyAlignment="1" applyProtection="1">
      <alignment horizontal="left"/>
    </xf>
    <xf numFmtId="38" fontId="7" fillId="0" borderId="47" xfId="1" applyFont="1" applyBorder="1" applyAlignment="1" applyProtection="1"/>
    <xf numFmtId="38" fontId="7" fillId="0" borderId="48" xfId="1" applyFont="1" applyBorder="1" applyAlignment="1" applyProtection="1"/>
    <xf numFmtId="38" fontId="7" fillId="0" borderId="49" xfId="1" applyFont="1" applyBorder="1" applyAlignment="1" applyProtection="1"/>
    <xf numFmtId="38" fontId="7" fillId="0" borderId="50" xfId="1" applyFont="1" applyBorder="1" applyAlignment="1" applyProtection="1"/>
    <xf numFmtId="38" fontId="7" fillId="0" borderId="46" xfId="1" applyFont="1" applyBorder="1" applyAlignment="1" applyProtection="1"/>
    <xf numFmtId="0" fontId="3" fillId="0" borderId="0" xfId="2" applyFont="1" applyAlignment="1"/>
    <xf numFmtId="0" fontId="3" fillId="0" borderId="0" xfId="2" applyFont="1"/>
    <xf numFmtId="38" fontId="3" fillId="0" borderId="0" xfId="1" applyFont="1"/>
    <xf numFmtId="0" fontId="5" fillId="0" borderId="4" xfId="2" applyFont="1" applyBorder="1" applyAlignment="1" applyProtection="1">
      <alignment horizontal="center" vertical="center"/>
    </xf>
    <xf numFmtId="0" fontId="5" fillId="0" borderId="5" xfId="2" applyFont="1" applyBorder="1" applyAlignment="1" applyProtection="1">
      <alignment horizontal="center" vertical="center"/>
    </xf>
    <xf numFmtId="0" fontId="5" fillId="0" borderId="7" xfId="2" applyFont="1" applyBorder="1" applyAlignment="1" applyProtection="1">
      <alignment horizontal="center" vertical="center"/>
    </xf>
    <xf numFmtId="0" fontId="5" fillId="0" borderId="1" xfId="2" applyFont="1" applyBorder="1" applyAlignment="1" applyProtection="1">
      <alignment horizontal="distributed" vertical="center" justifyLastLine="1"/>
    </xf>
    <xf numFmtId="0" fontId="5" fillId="0" borderId="2" xfId="2" applyFont="1" applyBorder="1" applyAlignment="1" applyProtection="1">
      <alignment horizontal="distributed" vertical="center" justifyLastLine="1"/>
    </xf>
    <xf numFmtId="0" fontId="5" fillId="0" borderId="9" xfId="2" applyFont="1" applyBorder="1" applyAlignment="1" applyProtection="1">
      <alignment horizontal="distributed" vertical="center" justifyLastLine="1"/>
    </xf>
    <xf numFmtId="0" fontId="5" fillId="0" borderId="10" xfId="2" applyFont="1" applyBorder="1" applyAlignment="1" applyProtection="1">
      <alignment horizontal="distributed" vertical="center" justifyLastLine="1"/>
    </xf>
    <xf numFmtId="0" fontId="5" fillId="0" borderId="3" xfId="2" applyFont="1" applyBorder="1" applyAlignment="1" applyProtection="1">
      <alignment horizontal="center" vertical="center"/>
    </xf>
    <xf numFmtId="0" fontId="5" fillId="0" borderId="11" xfId="2" applyFont="1" applyBorder="1" applyAlignment="1" applyProtection="1">
      <alignment horizontal="center" vertical="center"/>
    </xf>
    <xf numFmtId="0" fontId="5" fillId="0" borderId="3" xfId="2" applyFont="1" applyBorder="1" applyAlignment="1" applyProtection="1">
      <alignment horizontal="center" vertical="center" wrapText="1"/>
    </xf>
    <xf numFmtId="0" fontId="5" fillId="0" borderId="11" xfId="0" applyFont="1" applyBorder="1" applyAlignment="1">
      <alignment horizontal="center" vertical="center"/>
    </xf>
    <xf numFmtId="0" fontId="5" fillId="0" borderId="6" xfId="2" applyFont="1" applyBorder="1" applyAlignment="1" applyProtection="1">
      <alignment horizontal="center" vertical="center" wrapText="1"/>
    </xf>
    <xf numFmtId="0" fontId="5" fillId="0" borderId="14" xfId="2" applyFont="1" applyBorder="1" applyAlignment="1" applyProtection="1">
      <alignment horizontal="center" vertical="center" wrapText="1"/>
    </xf>
    <xf numFmtId="0" fontId="5" fillId="0" borderId="6" xfId="2" applyFont="1" applyBorder="1" applyAlignment="1" applyProtection="1">
      <alignment horizontal="center" vertical="center"/>
    </xf>
    <xf numFmtId="0" fontId="5" fillId="0" borderId="14" xfId="2" applyFont="1" applyBorder="1" applyAlignment="1" applyProtection="1">
      <alignment horizontal="center" vertical="center"/>
    </xf>
    <xf numFmtId="0" fontId="5" fillId="0" borderId="3" xfId="2" applyFont="1" applyBorder="1" applyAlignment="1" applyProtection="1">
      <alignment horizontal="center" vertical="center" wrapText="1" shrinkToFit="1"/>
    </xf>
    <xf numFmtId="0" fontId="5" fillId="0" borderId="11" xfId="2" applyFont="1" applyBorder="1" applyAlignment="1" applyProtection="1">
      <alignment horizontal="center" vertical="center" shrinkToFit="1"/>
    </xf>
    <xf numFmtId="0" fontId="5" fillId="0" borderId="8" xfId="2" applyFont="1" applyBorder="1" applyAlignment="1" applyProtection="1">
      <alignment horizontal="center" vertical="center"/>
    </xf>
    <xf numFmtId="0" fontId="5" fillId="0" borderId="1" xfId="2" applyFont="1" applyBorder="1" applyAlignment="1" applyProtection="1">
      <alignment horizontal="center" vertical="center"/>
    </xf>
    <xf numFmtId="0" fontId="5" fillId="0" borderId="2" xfId="2" applyFont="1" applyBorder="1" applyAlignment="1" applyProtection="1">
      <alignment horizontal="center" vertical="center"/>
    </xf>
    <xf numFmtId="0" fontId="5" fillId="0" borderId="9" xfId="2" applyFont="1" applyBorder="1" applyAlignment="1" applyProtection="1">
      <alignment horizontal="center" vertical="center"/>
    </xf>
    <xf numFmtId="0" fontId="5" fillId="0" borderId="10" xfId="2" applyFont="1" applyBorder="1" applyAlignment="1" applyProtection="1">
      <alignment horizontal="center" vertical="center"/>
    </xf>
    <xf numFmtId="0" fontId="5" fillId="0" borderId="11" xfId="2" applyFont="1" applyBorder="1" applyAlignment="1" applyProtection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16" xfId="2" applyFont="1" applyBorder="1" applyAlignment="1" applyProtection="1">
      <alignment horizontal="distributed" justifyLastLine="1"/>
    </xf>
    <xf numFmtId="0" fontId="5" fillId="0" borderId="17" xfId="2" applyFont="1" applyBorder="1" applyAlignment="1" applyProtection="1">
      <alignment horizontal="distributed" justifyLastLine="1"/>
    </xf>
    <xf numFmtId="0" fontId="0" fillId="0" borderId="17" xfId="0" applyBorder="1" applyAlignment="1">
      <alignment horizontal="distributed" justifyLastLine="1"/>
    </xf>
    <xf numFmtId="0" fontId="5" fillId="0" borderId="9" xfId="2" applyFont="1" applyBorder="1" applyAlignment="1" applyProtection="1">
      <alignment horizontal="distributed" justifyLastLine="1"/>
    </xf>
    <xf numFmtId="0" fontId="0" fillId="0" borderId="10" xfId="0" applyBorder="1" applyAlignment="1">
      <alignment horizontal="distributed" justifyLastLine="1"/>
    </xf>
    <xf numFmtId="0" fontId="5" fillId="0" borderId="28" xfId="2" applyFont="1" applyBorder="1" applyAlignment="1" applyProtection="1">
      <alignment horizontal="distributed" justifyLastLine="1"/>
    </xf>
    <xf numFmtId="0" fontId="0" fillId="0" borderId="29" xfId="0" applyBorder="1" applyAlignment="1">
      <alignment horizontal="distributed" justifyLastLine="1"/>
    </xf>
    <xf numFmtId="0" fontId="5" fillId="0" borderId="45" xfId="4" applyFont="1" applyBorder="1" applyAlignment="1">
      <alignment horizontal="distributed" justifyLastLine="1"/>
    </xf>
    <xf numFmtId="0" fontId="5" fillId="0" borderId="46" xfId="0" applyFont="1" applyBorder="1" applyAlignment="1">
      <alignment horizontal="distributed" justifyLastLine="1"/>
    </xf>
    <xf numFmtId="0" fontId="5" fillId="0" borderId="31" xfId="2" applyFont="1" applyBorder="1" applyAlignment="1" applyProtection="1">
      <alignment horizontal="distributed" justifyLastLine="1"/>
    </xf>
    <xf numFmtId="0" fontId="5" fillId="0" borderId="32" xfId="2" applyFont="1" applyBorder="1" applyAlignment="1" applyProtection="1">
      <alignment horizontal="distributed" justifyLastLine="1"/>
    </xf>
    <xf numFmtId="0" fontId="5" fillId="0" borderId="31" xfId="4" applyFont="1" applyBorder="1" applyAlignment="1">
      <alignment horizontal="distributed" justifyLastLine="1"/>
    </xf>
    <xf numFmtId="0" fontId="5" fillId="0" borderId="32" xfId="0" applyFont="1" applyBorder="1" applyAlignment="1">
      <alignment horizontal="distributed" justifyLastLine="1"/>
    </xf>
  </cellXfs>
  <cellStyles count="5">
    <cellStyle name="桁区切り" xfId="1" builtinId="6"/>
    <cellStyle name="標準" xfId="0" builtinId="0"/>
    <cellStyle name="標準_事04統13" xfId="3"/>
    <cellStyle name="標準_第１表_1" xfId="4"/>
    <cellStyle name="標準_第７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L90"/>
  <sheetViews>
    <sheetView tabSelected="1" view="pageBreakPreview" topLeftCell="A40" zoomScaleNormal="100" zoomScaleSheetLayoutView="100" workbookViewId="0">
      <selection activeCell="E54" sqref="E54"/>
    </sheetView>
  </sheetViews>
  <sheetFormatPr defaultRowHeight="10.5" x14ac:dyDescent="0.15"/>
  <cols>
    <col min="1" max="1" width="3.125" style="76" customWidth="1"/>
    <col min="2" max="2" width="10" style="76" customWidth="1"/>
    <col min="3" max="3" width="15" style="76" customWidth="1"/>
    <col min="4" max="4" width="11.25" style="76" customWidth="1"/>
    <col min="5" max="5" width="14.375" style="76" customWidth="1"/>
    <col min="6" max="6" width="13.75" style="76" customWidth="1"/>
    <col min="7" max="7" width="11.25" style="76" customWidth="1"/>
    <col min="8" max="8" width="12.5" style="76" customWidth="1"/>
    <col min="9" max="9" width="12" style="76" customWidth="1"/>
    <col min="10" max="11" width="11.25" style="76" customWidth="1"/>
    <col min="12" max="14" width="14.375" style="76" customWidth="1"/>
    <col min="15" max="15" width="3.125" style="76" customWidth="1"/>
    <col min="16" max="16" width="10" style="76" customWidth="1"/>
    <col min="17" max="18" width="12.5" style="76" customWidth="1"/>
    <col min="19" max="20" width="13.75" style="76" customWidth="1"/>
    <col min="21" max="21" width="10.625" style="76" customWidth="1"/>
    <col min="22" max="22" width="12.5" style="76" customWidth="1"/>
    <col min="23" max="23" width="6.625" style="76" customWidth="1"/>
    <col min="24" max="25" width="13.25" style="76" customWidth="1"/>
    <col min="26" max="26" width="14.375" style="76" customWidth="1"/>
    <col min="27" max="27" width="13.125" style="76" customWidth="1"/>
    <col min="28" max="28" width="6.625" style="76" customWidth="1"/>
    <col min="29" max="29" width="12.5" style="76" customWidth="1"/>
    <col min="30" max="30" width="3.125" style="76" customWidth="1"/>
    <col min="31" max="31" width="10" style="76" customWidth="1"/>
    <col min="32" max="34" width="13.125" style="76" customWidth="1"/>
    <col min="35" max="35" width="7.75" style="76" customWidth="1"/>
    <col min="36" max="36" width="12.5" style="76" customWidth="1"/>
    <col min="37" max="37" width="15.625" style="76" customWidth="1"/>
    <col min="38" max="38" width="11.875" style="76" customWidth="1"/>
    <col min="39" max="39" width="12.5" style="76" customWidth="1"/>
    <col min="40" max="40" width="9.625" style="76" customWidth="1"/>
    <col min="41" max="41" width="16.25" style="76" customWidth="1"/>
    <col min="42" max="43" width="11.375" style="77" bestFit="1" customWidth="1"/>
    <col min="44" max="45" width="9" style="76"/>
    <col min="46" max="46" width="10.625" style="76" customWidth="1"/>
    <col min="47" max="16384" width="9" style="76"/>
  </cols>
  <sheetData>
    <row r="1" spans="1:44" s="2" customFormat="1" ht="15.75" customHeight="1" x14ac:dyDescent="0.15">
      <c r="A1" s="1" t="s">
        <v>0</v>
      </c>
      <c r="D1" s="3"/>
      <c r="E1" s="3"/>
      <c r="F1" s="3"/>
      <c r="G1" s="3"/>
      <c r="H1" s="3"/>
      <c r="I1" s="3"/>
      <c r="J1" s="3"/>
      <c r="K1" s="3"/>
      <c r="L1" s="4"/>
      <c r="O1" s="1" t="s">
        <v>1</v>
      </c>
      <c r="V1" s="4"/>
      <c r="W1" s="4"/>
      <c r="X1" s="5"/>
      <c r="Y1" s="5"/>
      <c r="Z1" s="6"/>
      <c r="AA1" s="6"/>
      <c r="AB1" s="4"/>
      <c r="AC1" s="4"/>
      <c r="AD1" s="1" t="s">
        <v>2</v>
      </c>
      <c r="AF1" s="4"/>
      <c r="AG1" s="4"/>
      <c r="AH1" s="4"/>
      <c r="AI1" s="3"/>
      <c r="AJ1" s="3"/>
      <c r="AK1" s="3"/>
      <c r="AL1" s="3"/>
      <c r="AM1" s="4"/>
      <c r="AN1" s="4"/>
      <c r="AO1" s="5"/>
      <c r="AP1" s="7"/>
      <c r="AQ1" s="7"/>
    </row>
    <row r="2" spans="1:44" s="2" customFormat="1" ht="10.5" customHeight="1" thickBot="1" x14ac:dyDescent="0.2">
      <c r="A2" s="8"/>
      <c r="D2" s="3"/>
      <c r="E2" s="3"/>
      <c r="F2" s="3"/>
      <c r="G2" s="3"/>
      <c r="H2" s="3"/>
      <c r="I2" s="3"/>
      <c r="J2" s="3"/>
      <c r="K2" s="3"/>
      <c r="L2" s="4"/>
      <c r="N2" s="9" t="s">
        <v>3</v>
      </c>
      <c r="V2" s="9"/>
      <c r="W2" s="4"/>
      <c r="X2" s="5"/>
      <c r="Y2" s="5"/>
      <c r="Z2" s="6"/>
      <c r="AA2" s="6"/>
      <c r="AB2" s="4"/>
      <c r="AC2" s="9" t="s">
        <v>3</v>
      </c>
      <c r="AF2" s="4"/>
      <c r="AG2" s="4"/>
      <c r="AH2" s="4"/>
      <c r="AI2" s="3"/>
      <c r="AJ2" s="9"/>
      <c r="AK2" s="9"/>
      <c r="AL2" s="9"/>
      <c r="AM2" s="4"/>
      <c r="AN2" s="4"/>
      <c r="AO2" s="5" t="s">
        <v>3</v>
      </c>
      <c r="AP2" s="7"/>
      <c r="AQ2" s="7"/>
    </row>
    <row r="3" spans="1:44" s="2" customFormat="1" ht="12" customHeight="1" x14ac:dyDescent="0.15">
      <c r="A3" s="81" t="s">
        <v>4</v>
      </c>
      <c r="B3" s="82"/>
      <c r="C3" s="85" t="s">
        <v>5</v>
      </c>
      <c r="D3" s="10" t="s">
        <v>6</v>
      </c>
      <c r="E3" s="11"/>
      <c r="F3" s="11"/>
      <c r="G3" s="11"/>
      <c r="H3" s="11"/>
      <c r="I3" s="11"/>
      <c r="J3" s="12"/>
      <c r="K3" s="11"/>
      <c r="L3" s="11"/>
      <c r="M3" s="87" t="s">
        <v>7</v>
      </c>
      <c r="N3" s="89" t="s">
        <v>8</v>
      </c>
      <c r="O3" s="81" t="s">
        <v>4</v>
      </c>
      <c r="P3" s="82"/>
      <c r="Q3" s="78" t="s">
        <v>9</v>
      </c>
      <c r="R3" s="79"/>
      <c r="S3" s="79"/>
      <c r="T3" s="79"/>
      <c r="U3" s="79"/>
      <c r="V3" s="80"/>
      <c r="W3" s="93" t="s">
        <v>10</v>
      </c>
      <c r="X3" s="78" t="s">
        <v>11</v>
      </c>
      <c r="Y3" s="80"/>
      <c r="Z3" s="78" t="s">
        <v>12</v>
      </c>
      <c r="AA3" s="79"/>
      <c r="AB3" s="79"/>
      <c r="AC3" s="95"/>
      <c r="AD3" s="96" t="s">
        <v>13</v>
      </c>
      <c r="AE3" s="97"/>
      <c r="AF3" s="78" t="s">
        <v>14</v>
      </c>
      <c r="AG3" s="79"/>
      <c r="AH3" s="80"/>
      <c r="AI3" s="87" t="s">
        <v>15</v>
      </c>
      <c r="AJ3" s="101" t="s">
        <v>16</v>
      </c>
      <c r="AK3" s="103" t="s">
        <v>17</v>
      </c>
      <c r="AL3" s="101" t="s">
        <v>18</v>
      </c>
      <c r="AM3" s="85" t="s">
        <v>19</v>
      </c>
      <c r="AN3" s="87" t="s">
        <v>20</v>
      </c>
      <c r="AO3" s="91" t="s">
        <v>21</v>
      </c>
      <c r="AP3" s="7"/>
      <c r="AQ3" s="7"/>
    </row>
    <row r="4" spans="1:44" s="2" customFormat="1" ht="34.5" customHeight="1" thickBot="1" x14ac:dyDescent="0.2">
      <c r="A4" s="83"/>
      <c r="B4" s="84"/>
      <c r="C4" s="86"/>
      <c r="D4" s="13" t="s">
        <v>22</v>
      </c>
      <c r="E4" s="14" t="s">
        <v>23</v>
      </c>
      <c r="F4" s="15" t="s">
        <v>24</v>
      </c>
      <c r="G4" s="15" t="s">
        <v>25</v>
      </c>
      <c r="H4" s="16" t="s">
        <v>26</v>
      </c>
      <c r="I4" s="16" t="s">
        <v>27</v>
      </c>
      <c r="J4" s="17" t="s">
        <v>28</v>
      </c>
      <c r="K4" s="17" t="s">
        <v>29</v>
      </c>
      <c r="L4" s="18" t="s">
        <v>30</v>
      </c>
      <c r="M4" s="88"/>
      <c r="N4" s="90"/>
      <c r="O4" s="83"/>
      <c r="P4" s="84"/>
      <c r="Q4" s="16" t="s">
        <v>31</v>
      </c>
      <c r="R4" s="16" t="s">
        <v>32</v>
      </c>
      <c r="S4" s="19" t="s">
        <v>33</v>
      </c>
      <c r="T4" s="20" t="s">
        <v>34</v>
      </c>
      <c r="U4" s="21" t="s">
        <v>35</v>
      </c>
      <c r="V4" s="18" t="s">
        <v>36</v>
      </c>
      <c r="W4" s="94"/>
      <c r="X4" s="20" t="s">
        <v>37</v>
      </c>
      <c r="Y4" s="20" t="s">
        <v>38</v>
      </c>
      <c r="Z4" s="21" t="s">
        <v>39</v>
      </c>
      <c r="AA4" s="21" t="s">
        <v>40</v>
      </c>
      <c r="AB4" s="15" t="s">
        <v>41</v>
      </c>
      <c r="AC4" s="22" t="s">
        <v>42</v>
      </c>
      <c r="AD4" s="98"/>
      <c r="AE4" s="99"/>
      <c r="AF4" s="18" t="s">
        <v>43</v>
      </c>
      <c r="AG4" s="23" t="s">
        <v>44</v>
      </c>
      <c r="AH4" s="18" t="s">
        <v>45</v>
      </c>
      <c r="AI4" s="100"/>
      <c r="AJ4" s="102"/>
      <c r="AK4" s="104"/>
      <c r="AL4" s="102"/>
      <c r="AM4" s="86"/>
      <c r="AN4" s="100"/>
      <c r="AO4" s="92"/>
      <c r="AP4" s="24"/>
      <c r="AQ4" s="25"/>
    </row>
    <row r="5" spans="1:44" s="2" customFormat="1" ht="15" customHeight="1" thickTop="1" x14ac:dyDescent="0.15">
      <c r="A5" s="105" t="s">
        <v>46</v>
      </c>
      <c r="B5" s="106"/>
      <c r="C5" s="26">
        <v>256050275669</v>
      </c>
      <c r="D5" s="26">
        <v>161988830</v>
      </c>
      <c r="E5" s="26">
        <v>174091516666</v>
      </c>
      <c r="F5" s="26">
        <v>4705711548</v>
      </c>
      <c r="G5" s="26">
        <v>877629000</v>
      </c>
      <c r="H5" s="27">
        <v>6794196000</v>
      </c>
      <c r="I5" s="27">
        <v>5263314000</v>
      </c>
      <c r="J5" s="27">
        <v>215491741</v>
      </c>
      <c r="K5" s="27">
        <v>0</v>
      </c>
      <c r="L5" s="26">
        <v>192109847785</v>
      </c>
      <c r="M5" s="27">
        <v>38241341199</v>
      </c>
      <c r="N5" s="29">
        <v>222224435203</v>
      </c>
      <c r="O5" s="105" t="s">
        <v>46</v>
      </c>
      <c r="P5" s="106"/>
      <c r="Q5" s="27">
        <v>4571760548</v>
      </c>
      <c r="R5" s="27">
        <v>774411000</v>
      </c>
      <c r="S5" s="28">
        <v>28026988000</v>
      </c>
      <c r="T5" s="26">
        <v>14023918000</v>
      </c>
      <c r="U5" s="27">
        <v>340000000</v>
      </c>
      <c r="V5" s="26">
        <v>92816211</v>
      </c>
      <c r="W5" s="27">
        <v>0</v>
      </c>
      <c r="X5" s="27">
        <v>19221626628</v>
      </c>
      <c r="Y5" s="27">
        <v>65389006315</v>
      </c>
      <c r="Z5" s="26">
        <v>19919136593</v>
      </c>
      <c r="AA5" s="27">
        <v>4673566352</v>
      </c>
      <c r="AB5" s="26">
        <v>0</v>
      </c>
      <c r="AC5" s="29">
        <v>11926013697</v>
      </c>
      <c r="AD5" s="105" t="s">
        <v>46</v>
      </c>
      <c r="AE5" s="106"/>
      <c r="AF5" s="26">
        <v>3876305833</v>
      </c>
      <c r="AG5" s="27">
        <v>2729937905</v>
      </c>
      <c r="AH5" s="26">
        <v>43049126518</v>
      </c>
      <c r="AI5" s="27">
        <v>0</v>
      </c>
      <c r="AJ5" s="27">
        <v>2489876483</v>
      </c>
      <c r="AK5" s="31">
        <v>929730389939</v>
      </c>
      <c r="AL5" s="26">
        <v>1225204427</v>
      </c>
      <c r="AM5" s="26">
        <v>19276261225</v>
      </c>
      <c r="AN5" s="26">
        <v>0</v>
      </c>
      <c r="AO5" s="29">
        <v>950231855591</v>
      </c>
      <c r="AP5" s="7"/>
      <c r="AQ5" s="7"/>
    </row>
    <row r="6" spans="1:44" s="2" customFormat="1" ht="15" customHeight="1" x14ac:dyDescent="0.15">
      <c r="A6" s="105" t="s">
        <v>47</v>
      </c>
      <c r="B6" s="107"/>
      <c r="C6" s="26">
        <v>265645648062</v>
      </c>
      <c r="D6" s="26">
        <v>153578557</v>
      </c>
      <c r="E6" s="26">
        <v>175418954571</v>
      </c>
      <c r="F6" s="26">
        <v>4869777392</v>
      </c>
      <c r="G6" s="26">
        <v>930156000</v>
      </c>
      <c r="H6" s="27">
        <v>8608795000</v>
      </c>
      <c r="I6" s="27">
        <v>5194769000</v>
      </c>
      <c r="J6" s="27">
        <v>203059000</v>
      </c>
      <c r="K6" s="27">
        <v>0</v>
      </c>
      <c r="L6" s="26">
        <v>195379089520</v>
      </c>
      <c r="M6" s="27">
        <v>35947168752</v>
      </c>
      <c r="N6" s="29">
        <v>236272700722</v>
      </c>
      <c r="O6" s="105" t="s">
        <v>47</v>
      </c>
      <c r="P6" s="106"/>
      <c r="Q6" s="27">
        <v>4734529392</v>
      </c>
      <c r="R6" s="27">
        <v>798643000</v>
      </c>
      <c r="S6" s="28">
        <v>28510331000</v>
      </c>
      <c r="T6" s="26">
        <v>14255176000</v>
      </c>
      <c r="U6" s="27">
        <v>82000000</v>
      </c>
      <c r="V6" s="26">
        <v>59203996</v>
      </c>
      <c r="W6" s="27">
        <v>0</v>
      </c>
      <c r="X6" s="27">
        <v>19822854841</v>
      </c>
      <c r="Y6" s="27">
        <v>65592202862</v>
      </c>
      <c r="Z6" s="26">
        <v>18632237392</v>
      </c>
      <c r="AA6" s="27">
        <v>4775468346</v>
      </c>
      <c r="AB6" s="26">
        <v>0</v>
      </c>
      <c r="AC6" s="29">
        <v>12099148628</v>
      </c>
      <c r="AD6" s="105" t="s">
        <v>47</v>
      </c>
      <c r="AE6" s="107"/>
      <c r="AF6" s="26">
        <v>3004411825</v>
      </c>
      <c r="AG6" s="27">
        <v>2693491221</v>
      </c>
      <c r="AH6" s="26">
        <v>46389502135</v>
      </c>
      <c r="AI6" s="27">
        <v>0</v>
      </c>
      <c r="AJ6" s="27">
        <v>3039276891</v>
      </c>
      <c r="AK6" s="31">
        <v>957733084585</v>
      </c>
      <c r="AL6" s="26">
        <v>1413326008</v>
      </c>
      <c r="AM6" s="26">
        <v>15167856156</v>
      </c>
      <c r="AN6" s="26">
        <v>0</v>
      </c>
      <c r="AO6" s="29">
        <v>974314266749</v>
      </c>
      <c r="AP6" s="7"/>
      <c r="AQ6" s="7"/>
    </row>
    <row r="7" spans="1:44" s="2" customFormat="1" ht="15" customHeight="1" x14ac:dyDescent="0.15">
      <c r="A7" s="105" t="s">
        <v>48</v>
      </c>
      <c r="B7" s="107"/>
      <c r="C7" s="26">
        <v>258736283222</v>
      </c>
      <c r="D7" s="26">
        <v>146923446</v>
      </c>
      <c r="E7" s="26">
        <v>175837001041</v>
      </c>
      <c r="F7" s="26">
        <v>4935525257</v>
      </c>
      <c r="G7" s="26">
        <v>879318000</v>
      </c>
      <c r="H7" s="27">
        <v>9202280000</v>
      </c>
      <c r="I7" s="27">
        <v>5340837000</v>
      </c>
      <c r="J7" s="27">
        <v>211905000</v>
      </c>
      <c r="K7" s="27">
        <v>0</v>
      </c>
      <c r="L7" s="26">
        <v>196553789744</v>
      </c>
      <c r="M7" s="27">
        <v>30521342530</v>
      </c>
      <c r="N7" s="29">
        <v>239236740047</v>
      </c>
      <c r="O7" s="105" t="s">
        <v>48</v>
      </c>
      <c r="P7" s="107"/>
      <c r="Q7" s="27">
        <v>4797115257</v>
      </c>
      <c r="R7" s="27">
        <v>797589000</v>
      </c>
      <c r="S7" s="28">
        <v>28777184000</v>
      </c>
      <c r="T7" s="26">
        <v>14388579000</v>
      </c>
      <c r="U7" s="27">
        <v>52000000</v>
      </c>
      <c r="V7" s="26">
        <v>46366455</v>
      </c>
      <c r="W7" s="27">
        <v>0</v>
      </c>
      <c r="X7" s="27">
        <v>20081184038</v>
      </c>
      <c r="Y7" s="27">
        <v>67018830307</v>
      </c>
      <c r="Z7" s="26">
        <v>21770263093</v>
      </c>
      <c r="AA7" s="27">
        <v>5721233665</v>
      </c>
      <c r="AB7" s="26">
        <v>0</v>
      </c>
      <c r="AC7" s="29">
        <v>12184732998</v>
      </c>
      <c r="AD7" s="105" t="s">
        <v>48</v>
      </c>
      <c r="AE7" s="107"/>
      <c r="AF7" s="26">
        <v>2904421781</v>
      </c>
      <c r="AG7" s="27">
        <v>2681625451</v>
      </c>
      <c r="AH7" s="26">
        <v>42034408471</v>
      </c>
      <c r="AI7" s="27">
        <v>0</v>
      </c>
      <c r="AJ7" s="27">
        <v>2902077220</v>
      </c>
      <c r="AK7" s="31">
        <v>951205766279</v>
      </c>
      <c r="AL7" s="26">
        <v>1637736293</v>
      </c>
      <c r="AM7" s="26">
        <v>29458636707</v>
      </c>
      <c r="AN7" s="26">
        <v>0</v>
      </c>
      <c r="AO7" s="29">
        <v>982302139279</v>
      </c>
      <c r="AP7" s="7"/>
      <c r="AQ7" s="7"/>
    </row>
    <row r="8" spans="1:44" s="2" customFormat="1" ht="15" customHeight="1" thickBot="1" x14ac:dyDescent="0.2">
      <c r="A8" s="108" t="s">
        <v>49</v>
      </c>
      <c r="B8" s="109"/>
      <c r="C8" s="34">
        <v>243450890612</v>
      </c>
      <c r="D8" s="34">
        <v>144164334</v>
      </c>
      <c r="E8" s="34">
        <v>175841646626</v>
      </c>
      <c r="F8" s="34">
        <v>5403537286</v>
      </c>
      <c r="G8" s="34">
        <v>975648000</v>
      </c>
      <c r="H8" s="35">
        <v>13781580000</v>
      </c>
      <c r="I8" s="35">
        <v>5190615000</v>
      </c>
      <c r="J8" s="35">
        <v>186367000</v>
      </c>
      <c r="K8" s="35">
        <v>0</v>
      </c>
      <c r="L8" s="34">
        <v>201523558246</v>
      </c>
      <c r="M8" s="35">
        <v>21294369356</v>
      </c>
      <c r="N8" s="36">
        <v>245401633175</v>
      </c>
      <c r="O8" s="110" t="s">
        <v>50</v>
      </c>
      <c r="P8" s="111"/>
      <c r="Q8" s="35">
        <v>5269327286</v>
      </c>
      <c r="R8" s="35">
        <v>927647000</v>
      </c>
      <c r="S8" s="37">
        <v>28899983958</v>
      </c>
      <c r="T8" s="34">
        <v>14430609042</v>
      </c>
      <c r="U8" s="35">
        <v>148000000</v>
      </c>
      <c r="V8" s="34">
        <v>34493000</v>
      </c>
      <c r="W8" s="35">
        <v>0</v>
      </c>
      <c r="X8" s="35">
        <v>22027054187</v>
      </c>
      <c r="Y8" s="35">
        <v>198695765595</v>
      </c>
      <c r="Z8" s="34">
        <v>21707904921</v>
      </c>
      <c r="AA8" s="35">
        <v>13728929449</v>
      </c>
      <c r="AB8" s="34">
        <v>0</v>
      </c>
      <c r="AC8" s="36">
        <v>13098096232</v>
      </c>
      <c r="AD8" s="110" t="s">
        <v>49</v>
      </c>
      <c r="AE8" s="111"/>
      <c r="AF8" s="34">
        <v>2709471425</v>
      </c>
      <c r="AG8" s="35">
        <v>1742872156</v>
      </c>
      <c r="AH8" s="34">
        <v>43602459834</v>
      </c>
      <c r="AI8" s="35">
        <v>0</v>
      </c>
      <c r="AJ8" s="35">
        <v>3115766314</v>
      </c>
      <c r="AK8" s="38">
        <v>1081808831788</v>
      </c>
      <c r="AL8" s="34">
        <v>1906840000</v>
      </c>
      <c r="AM8" s="34">
        <v>33450806858</v>
      </c>
      <c r="AN8" s="34">
        <v>0</v>
      </c>
      <c r="AO8" s="36">
        <v>1117166478646</v>
      </c>
      <c r="AP8" s="7"/>
      <c r="AQ8" s="7"/>
    </row>
    <row r="9" spans="1:44" s="2" customFormat="1" ht="15" customHeight="1" thickTop="1" thickBot="1" x14ac:dyDescent="0.2">
      <c r="A9" s="114" t="s">
        <v>51</v>
      </c>
      <c r="B9" s="115"/>
      <c r="C9" s="34">
        <v>235203191395</v>
      </c>
      <c r="D9" s="34">
        <v>139513067</v>
      </c>
      <c r="E9" s="34">
        <v>171150661045</v>
      </c>
      <c r="F9" s="34">
        <v>6066525787</v>
      </c>
      <c r="G9" s="34">
        <v>978261000</v>
      </c>
      <c r="H9" s="35">
        <v>14391946000</v>
      </c>
      <c r="I9" s="35">
        <v>5982595000</v>
      </c>
      <c r="J9" s="35">
        <v>403450000</v>
      </c>
      <c r="K9" s="35">
        <v>0</v>
      </c>
      <c r="L9" s="34">
        <v>199112951899</v>
      </c>
      <c r="M9" s="35">
        <v>14608182046</v>
      </c>
      <c r="N9" s="36">
        <v>241060098124</v>
      </c>
      <c r="O9" s="114" t="s">
        <v>51</v>
      </c>
      <c r="P9" s="115"/>
      <c r="Q9" s="35">
        <v>5931267787</v>
      </c>
      <c r="R9" s="35">
        <v>864235000</v>
      </c>
      <c r="S9" s="39">
        <v>29625074000</v>
      </c>
      <c r="T9" s="35">
        <v>14823297000</v>
      </c>
      <c r="U9" s="35">
        <v>215000000</v>
      </c>
      <c r="V9" s="34">
        <v>39162883</v>
      </c>
      <c r="W9" s="35">
        <v>0</v>
      </c>
      <c r="X9" s="35">
        <v>24736068185</v>
      </c>
      <c r="Y9" s="35">
        <v>198321422392</v>
      </c>
      <c r="Z9" s="34">
        <v>22103997042</v>
      </c>
      <c r="AA9" s="40">
        <v>14096612051</v>
      </c>
      <c r="AB9" s="34">
        <v>0</v>
      </c>
      <c r="AC9" s="36">
        <v>12553251482</v>
      </c>
      <c r="AD9" s="114" t="s">
        <v>51</v>
      </c>
      <c r="AE9" s="115"/>
      <c r="AF9" s="34">
        <v>2478175094</v>
      </c>
      <c r="AG9" s="35">
        <v>1642685169</v>
      </c>
      <c r="AH9" s="34">
        <v>35235997344</v>
      </c>
      <c r="AI9" s="35">
        <v>0</v>
      </c>
      <c r="AJ9" s="35">
        <v>3077104685</v>
      </c>
      <c r="AK9" s="39">
        <v>1055727773578</v>
      </c>
      <c r="AL9" s="34">
        <v>2436376433</v>
      </c>
      <c r="AM9" s="34">
        <v>30027933083</v>
      </c>
      <c r="AN9" s="34">
        <v>0</v>
      </c>
      <c r="AO9" s="41">
        <v>1088192083094</v>
      </c>
      <c r="AP9" s="7"/>
      <c r="AQ9" s="7"/>
      <c r="AR9" s="42"/>
    </row>
    <row r="10" spans="1:44" s="2" customFormat="1" ht="15" customHeight="1" thickTop="1" x14ac:dyDescent="0.15">
      <c r="A10" s="43">
        <v>1</v>
      </c>
      <c r="B10" s="44" t="s">
        <v>52</v>
      </c>
      <c r="C10" s="45">
        <v>81410935142</v>
      </c>
      <c r="D10" s="45">
        <v>0</v>
      </c>
      <c r="E10" s="45">
        <v>59962244950</v>
      </c>
      <c r="F10" s="45">
        <v>2366399942</v>
      </c>
      <c r="G10" s="45">
        <v>329144000</v>
      </c>
      <c r="H10" s="46">
        <v>3940796000</v>
      </c>
      <c r="I10" s="46">
        <v>1849902000</v>
      </c>
      <c r="J10" s="46">
        <v>79643000</v>
      </c>
      <c r="K10" s="46">
        <v>0</v>
      </c>
      <c r="L10" s="32">
        <v>68528129892</v>
      </c>
      <c r="M10" s="46">
        <v>4874222877</v>
      </c>
      <c r="N10" s="47">
        <v>91993557310</v>
      </c>
      <c r="O10" s="43">
        <v>1</v>
      </c>
      <c r="P10" s="44" t="s">
        <v>52</v>
      </c>
      <c r="Q10" s="45">
        <v>2366399942</v>
      </c>
      <c r="R10" s="46">
        <v>259560000</v>
      </c>
      <c r="S10" s="48">
        <v>11477168000</v>
      </c>
      <c r="T10" s="45">
        <v>4574737692</v>
      </c>
      <c r="U10" s="45">
        <v>0</v>
      </c>
      <c r="V10" s="45">
        <v>0</v>
      </c>
      <c r="W10" s="46">
        <v>0</v>
      </c>
      <c r="X10" s="46">
        <v>9580270583</v>
      </c>
      <c r="Y10" s="46">
        <v>76823228026</v>
      </c>
      <c r="Z10" s="45">
        <v>8025324914</v>
      </c>
      <c r="AA10" s="45">
        <v>5478228050</v>
      </c>
      <c r="AB10" s="45">
        <v>0</v>
      </c>
      <c r="AC10" s="47">
        <v>4679677145</v>
      </c>
      <c r="AD10" s="43">
        <v>1</v>
      </c>
      <c r="AE10" s="44" t="s">
        <v>52</v>
      </c>
      <c r="AF10" s="45">
        <v>935611992</v>
      </c>
      <c r="AG10" s="46">
        <v>650348862</v>
      </c>
      <c r="AH10" s="45">
        <v>12587213037</v>
      </c>
      <c r="AI10" s="46">
        <v>0</v>
      </c>
      <c r="AJ10" s="49">
        <v>1163327819</v>
      </c>
      <c r="AK10" s="50">
        <v>385407941283</v>
      </c>
      <c r="AL10" s="45">
        <v>0</v>
      </c>
      <c r="AM10" s="45">
        <v>11773911387</v>
      </c>
      <c r="AN10" s="45">
        <v>0</v>
      </c>
      <c r="AO10" s="51">
        <v>397181852670</v>
      </c>
      <c r="AP10" s="7"/>
      <c r="AQ10" s="7"/>
    </row>
    <row r="11" spans="1:44" s="2" customFormat="1" ht="15" customHeight="1" x14ac:dyDescent="0.15">
      <c r="A11" s="43">
        <v>2</v>
      </c>
      <c r="B11" s="52" t="s">
        <v>53</v>
      </c>
      <c r="C11" s="32">
        <v>33076956472</v>
      </c>
      <c r="D11" s="32">
        <v>0</v>
      </c>
      <c r="E11" s="32">
        <v>23811132792</v>
      </c>
      <c r="F11" s="32">
        <v>961622856</v>
      </c>
      <c r="G11" s="32">
        <v>127755000</v>
      </c>
      <c r="H11" s="30">
        <v>890933000</v>
      </c>
      <c r="I11" s="30">
        <v>1270765000</v>
      </c>
      <c r="J11" s="30">
        <v>24158000</v>
      </c>
      <c r="K11" s="30">
        <v>0</v>
      </c>
      <c r="L11" s="32">
        <v>27086366648</v>
      </c>
      <c r="M11" s="30">
        <v>1691648942</v>
      </c>
      <c r="N11" s="51">
        <v>28523639917</v>
      </c>
      <c r="O11" s="43">
        <v>2</v>
      </c>
      <c r="P11" s="52" t="s">
        <v>53</v>
      </c>
      <c r="Q11" s="32">
        <v>961622856</v>
      </c>
      <c r="R11" s="30">
        <v>125416000</v>
      </c>
      <c r="S11" s="53">
        <v>4522871000</v>
      </c>
      <c r="T11" s="32">
        <v>1884456514</v>
      </c>
      <c r="U11" s="32">
        <v>0</v>
      </c>
      <c r="V11" s="32">
        <v>0</v>
      </c>
      <c r="W11" s="46">
        <v>0</v>
      </c>
      <c r="X11" s="30">
        <v>3628989593</v>
      </c>
      <c r="Y11" s="30">
        <v>30053609795</v>
      </c>
      <c r="Z11" s="32">
        <v>2741923113</v>
      </c>
      <c r="AA11" s="32">
        <v>1852286921</v>
      </c>
      <c r="AB11" s="32">
        <v>0</v>
      </c>
      <c r="AC11" s="51">
        <v>2311351610</v>
      </c>
      <c r="AD11" s="43">
        <v>2</v>
      </c>
      <c r="AE11" s="52" t="s">
        <v>53</v>
      </c>
      <c r="AF11" s="32">
        <v>413479138</v>
      </c>
      <c r="AG11" s="30">
        <v>71466242</v>
      </c>
      <c r="AH11" s="32">
        <v>5869492976</v>
      </c>
      <c r="AI11" s="30">
        <v>0</v>
      </c>
      <c r="AJ11" s="30">
        <v>387696869</v>
      </c>
      <c r="AK11" s="54">
        <v>145203274606</v>
      </c>
      <c r="AL11" s="32">
        <v>0</v>
      </c>
      <c r="AM11" s="32">
        <v>1290633765</v>
      </c>
      <c r="AN11" s="32">
        <v>0</v>
      </c>
      <c r="AO11" s="51">
        <v>146493908371</v>
      </c>
      <c r="AP11" s="7"/>
      <c r="AQ11" s="7"/>
    </row>
    <row r="12" spans="1:44" s="2" customFormat="1" ht="15" customHeight="1" x14ac:dyDescent="0.15">
      <c r="A12" s="43">
        <v>3</v>
      </c>
      <c r="B12" s="52" t="s">
        <v>54</v>
      </c>
      <c r="C12" s="32">
        <v>9587440192</v>
      </c>
      <c r="D12" s="32">
        <v>0</v>
      </c>
      <c r="E12" s="32">
        <v>7521217866</v>
      </c>
      <c r="F12" s="32">
        <v>300525768</v>
      </c>
      <c r="G12" s="32">
        <v>54318000</v>
      </c>
      <c r="H12" s="46">
        <v>1580501000</v>
      </c>
      <c r="I12" s="46">
        <v>558718000</v>
      </c>
      <c r="J12" s="30">
        <v>8629000</v>
      </c>
      <c r="K12" s="30">
        <v>0</v>
      </c>
      <c r="L12" s="32">
        <v>10023909634</v>
      </c>
      <c r="M12" s="30">
        <v>996791825</v>
      </c>
      <c r="N12" s="51">
        <v>15613012586</v>
      </c>
      <c r="O12" s="43">
        <v>3</v>
      </c>
      <c r="P12" s="52" t="s">
        <v>54</v>
      </c>
      <c r="Q12" s="32">
        <v>300525768</v>
      </c>
      <c r="R12" s="30">
        <v>53250000</v>
      </c>
      <c r="S12" s="53">
        <v>1446624000</v>
      </c>
      <c r="T12" s="32">
        <v>890420150</v>
      </c>
      <c r="U12" s="32">
        <v>0</v>
      </c>
      <c r="V12" s="32">
        <v>3543000</v>
      </c>
      <c r="W12" s="46">
        <v>0</v>
      </c>
      <c r="X12" s="30">
        <v>1233030185</v>
      </c>
      <c r="Y12" s="30">
        <v>9872626542</v>
      </c>
      <c r="Z12" s="32">
        <v>1372303780</v>
      </c>
      <c r="AA12" s="32">
        <v>748068148</v>
      </c>
      <c r="AB12" s="32">
        <v>0</v>
      </c>
      <c r="AC12" s="51">
        <v>930506593</v>
      </c>
      <c r="AD12" s="43">
        <v>3</v>
      </c>
      <c r="AE12" s="52" t="s">
        <v>54</v>
      </c>
      <c r="AF12" s="32">
        <v>115640000</v>
      </c>
      <c r="AG12" s="30">
        <v>122945683</v>
      </c>
      <c r="AH12" s="32">
        <v>2048410796</v>
      </c>
      <c r="AI12" s="30">
        <v>0</v>
      </c>
      <c r="AJ12" s="30">
        <v>86981610</v>
      </c>
      <c r="AK12" s="54">
        <v>55446030492</v>
      </c>
      <c r="AL12" s="32">
        <v>0</v>
      </c>
      <c r="AM12" s="32">
        <v>4747942529</v>
      </c>
      <c r="AN12" s="32">
        <v>0</v>
      </c>
      <c r="AO12" s="51">
        <v>60193973021</v>
      </c>
      <c r="AP12" s="7"/>
      <c r="AQ12" s="7"/>
    </row>
    <row r="13" spans="1:44" s="2" customFormat="1" ht="15" customHeight="1" x14ac:dyDescent="0.15">
      <c r="A13" s="43">
        <v>4</v>
      </c>
      <c r="B13" s="52" t="s">
        <v>55</v>
      </c>
      <c r="C13" s="32">
        <v>6175862001</v>
      </c>
      <c r="D13" s="32">
        <v>0</v>
      </c>
      <c r="E13" s="32">
        <v>4908730146</v>
      </c>
      <c r="F13" s="32">
        <v>176631462</v>
      </c>
      <c r="G13" s="32">
        <v>34687000</v>
      </c>
      <c r="H13" s="30">
        <v>791320000</v>
      </c>
      <c r="I13" s="30">
        <v>196705000</v>
      </c>
      <c r="J13" s="30">
        <v>1844000</v>
      </c>
      <c r="K13" s="30">
        <v>0</v>
      </c>
      <c r="L13" s="32">
        <v>6109917608</v>
      </c>
      <c r="M13" s="30">
        <v>504123000</v>
      </c>
      <c r="N13" s="51">
        <v>7736871214</v>
      </c>
      <c r="O13" s="43">
        <v>4</v>
      </c>
      <c r="P13" s="52" t="s">
        <v>55</v>
      </c>
      <c r="Q13" s="32">
        <v>176631462</v>
      </c>
      <c r="R13" s="30">
        <v>34024000</v>
      </c>
      <c r="S13" s="53">
        <v>934556000</v>
      </c>
      <c r="T13" s="32">
        <v>532342067</v>
      </c>
      <c r="U13" s="32">
        <v>0</v>
      </c>
      <c r="V13" s="32">
        <v>0</v>
      </c>
      <c r="W13" s="46">
        <v>0</v>
      </c>
      <c r="X13" s="30">
        <v>750121238</v>
      </c>
      <c r="Y13" s="30">
        <v>6403306763</v>
      </c>
      <c r="Z13" s="32">
        <v>869566158</v>
      </c>
      <c r="AA13" s="32">
        <v>518976541</v>
      </c>
      <c r="AB13" s="32">
        <v>0</v>
      </c>
      <c r="AC13" s="51">
        <v>305682487</v>
      </c>
      <c r="AD13" s="43">
        <v>4</v>
      </c>
      <c r="AE13" s="52" t="s">
        <v>55</v>
      </c>
      <c r="AF13" s="32">
        <v>67083674</v>
      </c>
      <c r="AG13" s="30">
        <v>65020509</v>
      </c>
      <c r="AH13" s="32">
        <v>1114192873</v>
      </c>
      <c r="AI13" s="30">
        <v>0</v>
      </c>
      <c r="AJ13" s="30">
        <v>49427429</v>
      </c>
      <c r="AK13" s="54">
        <v>32347705024</v>
      </c>
      <c r="AL13" s="32">
        <v>0</v>
      </c>
      <c r="AM13" s="32">
        <v>272601600</v>
      </c>
      <c r="AN13" s="32">
        <v>0</v>
      </c>
      <c r="AO13" s="51">
        <v>32620306624</v>
      </c>
      <c r="AP13" s="7"/>
      <c r="AQ13" s="7"/>
    </row>
    <row r="14" spans="1:44" s="2" customFormat="1" ht="15" customHeight="1" x14ac:dyDescent="0.15">
      <c r="A14" s="43">
        <v>5</v>
      </c>
      <c r="B14" s="52" t="s">
        <v>56</v>
      </c>
      <c r="C14" s="32">
        <v>4336862236</v>
      </c>
      <c r="D14" s="32">
        <v>0</v>
      </c>
      <c r="E14" s="32">
        <v>2866690063</v>
      </c>
      <c r="F14" s="32">
        <v>124075685</v>
      </c>
      <c r="G14" s="32">
        <v>23597000</v>
      </c>
      <c r="H14" s="30">
        <v>31209000</v>
      </c>
      <c r="I14" s="30">
        <v>56574000</v>
      </c>
      <c r="J14" s="30">
        <v>3961000</v>
      </c>
      <c r="K14" s="30">
        <v>0</v>
      </c>
      <c r="L14" s="32">
        <v>3106106748</v>
      </c>
      <c r="M14" s="30">
        <v>353796891</v>
      </c>
      <c r="N14" s="51">
        <v>5487310601</v>
      </c>
      <c r="O14" s="43">
        <v>5</v>
      </c>
      <c r="P14" s="52" t="s">
        <v>56</v>
      </c>
      <c r="Q14" s="32">
        <v>124075685</v>
      </c>
      <c r="R14" s="30">
        <v>21210000</v>
      </c>
      <c r="S14" s="53">
        <v>572422000</v>
      </c>
      <c r="T14" s="32">
        <v>342629758</v>
      </c>
      <c r="U14" s="32">
        <v>0</v>
      </c>
      <c r="V14" s="32">
        <v>0</v>
      </c>
      <c r="W14" s="46">
        <v>0</v>
      </c>
      <c r="X14" s="30">
        <v>424390041</v>
      </c>
      <c r="Y14" s="30">
        <v>3735936622</v>
      </c>
      <c r="Z14" s="32">
        <v>384708621</v>
      </c>
      <c r="AA14" s="32">
        <v>267059862</v>
      </c>
      <c r="AB14" s="32">
        <v>0</v>
      </c>
      <c r="AC14" s="51">
        <v>229048000</v>
      </c>
      <c r="AD14" s="43">
        <v>5</v>
      </c>
      <c r="AE14" s="52" t="s">
        <v>56</v>
      </c>
      <c r="AF14" s="32">
        <v>53200000</v>
      </c>
      <c r="AG14" s="30">
        <v>44627064</v>
      </c>
      <c r="AH14" s="32">
        <v>1107623000</v>
      </c>
      <c r="AI14" s="30">
        <v>0</v>
      </c>
      <c r="AJ14" s="30">
        <v>41694527</v>
      </c>
      <c r="AK14" s="54">
        <v>20632701656</v>
      </c>
      <c r="AL14" s="32">
        <v>0</v>
      </c>
      <c r="AM14" s="32">
        <v>473873649</v>
      </c>
      <c r="AN14" s="32">
        <v>0</v>
      </c>
      <c r="AO14" s="51">
        <v>21106575305</v>
      </c>
      <c r="AP14" s="7"/>
      <c r="AQ14" s="7"/>
    </row>
    <row r="15" spans="1:44" s="2" customFormat="1" ht="15" customHeight="1" x14ac:dyDescent="0.15">
      <c r="A15" s="43">
        <v>6</v>
      </c>
      <c r="B15" s="52" t="s">
        <v>57</v>
      </c>
      <c r="C15" s="32">
        <v>10138409282</v>
      </c>
      <c r="D15" s="32">
        <v>0</v>
      </c>
      <c r="E15" s="32">
        <v>6477696729</v>
      </c>
      <c r="F15" s="32">
        <v>221552422</v>
      </c>
      <c r="G15" s="32">
        <v>63920000</v>
      </c>
      <c r="H15" s="30">
        <v>435593000</v>
      </c>
      <c r="I15" s="30">
        <v>373645000</v>
      </c>
      <c r="J15" s="30">
        <v>25372000</v>
      </c>
      <c r="K15" s="30">
        <v>0</v>
      </c>
      <c r="L15" s="32">
        <v>7597779151</v>
      </c>
      <c r="M15" s="30">
        <v>682052000</v>
      </c>
      <c r="N15" s="51">
        <v>11104367403</v>
      </c>
      <c r="O15" s="43">
        <v>6</v>
      </c>
      <c r="P15" s="52" t="s">
        <v>57</v>
      </c>
      <c r="Q15" s="32">
        <v>221552422</v>
      </c>
      <c r="R15" s="30">
        <v>62727000</v>
      </c>
      <c r="S15" s="53">
        <v>1280758000</v>
      </c>
      <c r="T15" s="32">
        <v>696674145</v>
      </c>
      <c r="U15" s="32">
        <v>0</v>
      </c>
      <c r="V15" s="32">
        <v>0</v>
      </c>
      <c r="W15" s="46">
        <v>0</v>
      </c>
      <c r="X15" s="30">
        <v>887084322</v>
      </c>
      <c r="Y15" s="30">
        <v>8609461739</v>
      </c>
      <c r="Z15" s="32">
        <v>1212280224</v>
      </c>
      <c r="AA15" s="32">
        <v>684217512</v>
      </c>
      <c r="AB15" s="32">
        <v>0</v>
      </c>
      <c r="AC15" s="51">
        <v>498454014</v>
      </c>
      <c r="AD15" s="43">
        <v>6</v>
      </c>
      <c r="AE15" s="52" t="s">
        <v>57</v>
      </c>
      <c r="AF15" s="32">
        <v>148400000</v>
      </c>
      <c r="AG15" s="30">
        <v>76398000</v>
      </c>
      <c r="AH15" s="32">
        <v>1330000000</v>
      </c>
      <c r="AI15" s="30">
        <v>0</v>
      </c>
      <c r="AJ15" s="30">
        <v>54193517</v>
      </c>
      <c r="AK15" s="54">
        <v>45284808731</v>
      </c>
      <c r="AL15" s="32">
        <v>0</v>
      </c>
      <c r="AM15" s="32">
        <v>2263821642</v>
      </c>
      <c r="AN15" s="32">
        <v>0</v>
      </c>
      <c r="AO15" s="51">
        <v>47548630373</v>
      </c>
      <c r="AP15" s="7"/>
      <c r="AQ15" s="7"/>
    </row>
    <row r="16" spans="1:44" s="2" customFormat="1" ht="15" customHeight="1" x14ac:dyDescent="0.15">
      <c r="A16" s="43">
        <v>7</v>
      </c>
      <c r="B16" s="52" t="s">
        <v>58</v>
      </c>
      <c r="C16" s="32">
        <v>4898542023</v>
      </c>
      <c r="D16" s="32">
        <v>0</v>
      </c>
      <c r="E16" s="32">
        <v>3513546031</v>
      </c>
      <c r="F16" s="32">
        <v>142870398</v>
      </c>
      <c r="G16" s="32">
        <v>18416000</v>
      </c>
      <c r="H16" s="30">
        <v>623650000</v>
      </c>
      <c r="I16" s="30">
        <v>200301000</v>
      </c>
      <c r="J16" s="30">
        <v>2565000</v>
      </c>
      <c r="K16" s="30">
        <v>0</v>
      </c>
      <c r="L16" s="32">
        <v>4501348429</v>
      </c>
      <c r="M16" s="30">
        <v>454273344</v>
      </c>
      <c r="N16" s="51">
        <v>6283108317</v>
      </c>
      <c r="O16" s="43">
        <v>7</v>
      </c>
      <c r="P16" s="52" t="s">
        <v>58</v>
      </c>
      <c r="Q16" s="32">
        <v>142870398</v>
      </c>
      <c r="R16" s="30">
        <v>18060000</v>
      </c>
      <c r="S16" s="53">
        <v>684277000</v>
      </c>
      <c r="T16" s="32">
        <v>486273275</v>
      </c>
      <c r="U16" s="32">
        <v>0</v>
      </c>
      <c r="V16" s="32">
        <v>0</v>
      </c>
      <c r="W16" s="46">
        <v>0</v>
      </c>
      <c r="X16" s="30">
        <v>526209026</v>
      </c>
      <c r="Y16" s="30">
        <v>4681141868</v>
      </c>
      <c r="Z16" s="32">
        <v>600271470</v>
      </c>
      <c r="AA16" s="32">
        <v>363221922</v>
      </c>
      <c r="AB16" s="32">
        <v>0</v>
      </c>
      <c r="AC16" s="51">
        <v>266944384</v>
      </c>
      <c r="AD16" s="43">
        <v>7</v>
      </c>
      <c r="AE16" s="52" t="s">
        <v>58</v>
      </c>
      <c r="AF16" s="32">
        <v>46163952</v>
      </c>
      <c r="AG16" s="30">
        <v>48726983</v>
      </c>
      <c r="AH16" s="32">
        <v>374671289</v>
      </c>
      <c r="AI16" s="30">
        <v>0</v>
      </c>
      <c r="AJ16" s="30">
        <v>36618948</v>
      </c>
      <c r="AK16" s="54">
        <v>24412722628</v>
      </c>
      <c r="AL16" s="32">
        <v>0</v>
      </c>
      <c r="AM16" s="32">
        <v>559533895</v>
      </c>
      <c r="AN16" s="32">
        <v>0</v>
      </c>
      <c r="AO16" s="51">
        <v>24972256523</v>
      </c>
      <c r="AP16" s="7"/>
      <c r="AQ16" s="7"/>
    </row>
    <row r="17" spans="1:43" s="2" customFormat="1" ht="15" customHeight="1" x14ac:dyDescent="0.15">
      <c r="A17" s="43">
        <v>8</v>
      </c>
      <c r="B17" s="52" t="s">
        <v>59</v>
      </c>
      <c r="C17" s="32">
        <v>5786231501</v>
      </c>
      <c r="D17" s="32">
        <v>0</v>
      </c>
      <c r="E17" s="32">
        <v>3949576336</v>
      </c>
      <c r="F17" s="32">
        <v>129147163</v>
      </c>
      <c r="G17" s="32">
        <v>36935000</v>
      </c>
      <c r="H17" s="30">
        <v>417383000</v>
      </c>
      <c r="I17" s="30">
        <v>239598000</v>
      </c>
      <c r="J17" s="30">
        <v>5971000</v>
      </c>
      <c r="K17" s="30">
        <v>0</v>
      </c>
      <c r="L17" s="32">
        <v>4778610499</v>
      </c>
      <c r="M17" s="30">
        <v>520759441</v>
      </c>
      <c r="N17" s="51">
        <v>6550485755</v>
      </c>
      <c r="O17" s="43">
        <v>8</v>
      </c>
      <c r="P17" s="52" t="s">
        <v>59</v>
      </c>
      <c r="Q17" s="32">
        <v>129147163</v>
      </c>
      <c r="R17" s="30">
        <v>35343000</v>
      </c>
      <c r="S17" s="53">
        <v>756948000</v>
      </c>
      <c r="T17" s="32">
        <v>394964102</v>
      </c>
      <c r="U17" s="32">
        <v>0</v>
      </c>
      <c r="V17" s="32">
        <v>0</v>
      </c>
      <c r="W17" s="46">
        <v>0</v>
      </c>
      <c r="X17" s="30">
        <v>561418956</v>
      </c>
      <c r="Y17" s="30">
        <v>5121907120</v>
      </c>
      <c r="Z17" s="32">
        <v>642169931</v>
      </c>
      <c r="AA17" s="32">
        <v>392947354</v>
      </c>
      <c r="AB17" s="32">
        <v>0</v>
      </c>
      <c r="AC17" s="51">
        <v>305942233</v>
      </c>
      <c r="AD17" s="43">
        <v>8</v>
      </c>
      <c r="AE17" s="52" t="s">
        <v>59</v>
      </c>
      <c r="AF17" s="32">
        <v>60164440</v>
      </c>
      <c r="AG17" s="30">
        <v>53695202</v>
      </c>
      <c r="AH17" s="32">
        <v>208872729</v>
      </c>
      <c r="AI17" s="30">
        <v>0</v>
      </c>
      <c r="AJ17" s="30">
        <v>25320357</v>
      </c>
      <c r="AK17" s="54">
        <v>26324927783</v>
      </c>
      <c r="AL17" s="32">
        <v>70000000</v>
      </c>
      <c r="AM17" s="32">
        <v>628451200</v>
      </c>
      <c r="AN17" s="32">
        <v>0</v>
      </c>
      <c r="AO17" s="51">
        <v>27023378983</v>
      </c>
      <c r="AP17" s="7"/>
      <c r="AQ17" s="7"/>
    </row>
    <row r="18" spans="1:43" s="2" customFormat="1" ht="15" customHeight="1" x14ac:dyDescent="0.15">
      <c r="A18" s="43">
        <v>9</v>
      </c>
      <c r="B18" s="52" t="s">
        <v>60</v>
      </c>
      <c r="C18" s="32">
        <v>1437084700</v>
      </c>
      <c r="D18" s="32">
        <v>0</v>
      </c>
      <c r="E18" s="32">
        <v>1016946278</v>
      </c>
      <c r="F18" s="32">
        <v>37342866</v>
      </c>
      <c r="G18" s="32">
        <v>7867000</v>
      </c>
      <c r="H18" s="30">
        <v>47723000</v>
      </c>
      <c r="I18" s="30">
        <v>14209000</v>
      </c>
      <c r="J18" s="30">
        <v>1350000</v>
      </c>
      <c r="K18" s="30">
        <v>0</v>
      </c>
      <c r="L18" s="32">
        <v>1125438144</v>
      </c>
      <c r="M18" s="30">
        <v>145716777</v>
      </c>
      <c r="N18" s="51">
        <v>2288024334</v>
      </c>
      <c r="O18" s="43">
        <v>9</v>
      </c>
      <c r="P18" s="52" t="s">
        <v>60</v>
      </c>
      <c r="Q18" s="32">
        <v>37342866</v>
      </c>
      <c r="R18" s="30">
        <v>7713000</v>
      </c>
      <c r="S18" s="53">
        <v>193918000</v>
      </c>
      <c r="T18" s="32">
        <v>168115061</v>
      </c>
      <c r="U18" s="32">
        <v>0</v>
      </c>
      <c r="V18" s="32">
        <v>0</v>
      </c>
      <c r="W18" s="46">
        <v>0</v>
      </c>
      <c r="X18" s="30">
        <v>156227128</v>
      </c>
      <c r="Y18" s="30">
        <v>1297784669</v>
      </c>
      <c r="Z18" s="32">
        <v>86924980</v>
      </c>
      <c r="AA18" s="32">
        <v>73061230</v>
      </c>
      <c r="AB18" s="32">
        <v>0</v>
      </c>
      <c r="AC18" s="51">
        <v>95538000</v>
      </c>
      <c r="AD18" s="43">
        <v>9</v>
      </c>
      <c r="AE18" s="52" t="s">
        <v>60</v>
      </c>
      <c r="AF18" s="32">
        <v>11992026</v>
      </c>
      <c r="AG18" s="30">
        <v>15663920</v>
      </c>
      <c r="AH18" s="32">
        <v>374095000</v>
      </c>
      <c r="AI18" s="30">
        <v>0</v>
      </c>
      <c r="AJ18" s="30">
        <v>6914312</v>
      </c>
      <c r="AK18" s="54">
        <v>7521554147</v>
      </c>
      <c r="AL18" s="32">
        <v>0</v>
      </c>
      <c r="AM18" s="32">
        <v>197699533</v>
      </c>
      <c r="AN18" s="32">
        <v>0</v>
      </c>
      <c r="AO18" s="51">
        <v>7719253680</v>
      </c>
      <c r="AP18" s="7"/>
      <c r="AQ18" s="7"/>
    </row>
    <row r="19" spans="1:43" s="2" customFormat="1" ht="15" customHeight="1" x14ac:dyDescent="0.15">
      <c r="A19" s="43">
        <v>10</v>
      </c>
      <c r="B19" s="52" t="s">
        <v>61</v>
      </c>
      <c r="C19" s="32">
        <v>16989383207</v>
      </c>
      <c r="D19" s="32">
        <v>0</v>
      </c>
      <c r="E19" s="32">
        <v>12881405616</v>
      </c>
      <c r="F19" s="32">
        <v>474821150</v>
      </c>
      <c r="G19" s="32">
        <v>64185000</v>
      </c>
      <c r="H19" s="30">
        <v>2068295000</v>
      </c>
      <c r="I19" s="30">
        <v>635837000</v>
      </c>
      <c r="J19" s="30">
        <v>15568000</v>
      </c>
      <c r="K19" s="30">
        <v>0</v>
      </c>
      <c r="L19" s="32">
        <v>16140111766</v>
      </c>
      <c r="M19" s="30">
        <v>1272995346</v>
      </c>
      <c r="N19" s="51">
        <v>20503787934</v>
      </c>
      <c r="O19" s="43">
        <v>10</v>
      </c>
      <c r="P19" s="52" t="s">
        <v>61</v>
      </c>
      <c r="Q19" s="32">
        <v>474821150</v>
      </c>
      <c r="R19" s="30">
        <v>71341000</v>
      </c>
      <c r="S19" s="53">
        <v>2526936000</v>
      </c>
      <c r="T19" s="32">
        <v>1553382162</v>
      </c>
      <c r="U19" s="32">
        <v>0</v>
      </c>
      <c r="V19" s="32">
        <v>0</v>
      </c>
      <c r="W19" s="46">
        <v>0</v>
      </c>
      <c r="X19" s="30">
        <v>1872140510</v>
      </c>
      <c r="Y19" s="30">
        <v>17012315770</v>
      </c>
      <c r="Z19" s="32">
        <v>1976870250</v>
      </c>
      <c r="AA19" s="32">
        <v>1198252354</v>
      </c>
      <c r="AB19" s="32">
        <v>0</v>
      </c>
      <c r="AC19" s="51">
        <v>797218107</v>
      </c>
      <c r="AD19" s="43">
        <v>10</v>
      </c>
      <c r="AE19" s="52" t="s">
        <v>61</v>
      </c>
      <c r="AF19" s="32">
        <v>183258935</v>
      </c>
      <c r="AG19" s="30">
        <v>144754350</v>
      </c>
      <c r="AH19" s="32">
        <v>3699646004</v>
      </c>
      <c r="AI19" s="30">
        <v>0</v>
      </c>
      <c r="AJ19" s="30">
        <v>382686662</v>
      </c>
      <c r="AK19" s="54">
        <v>86799901507</v>
      </c>
      <c r="AL19" s="32">
        <v>0</v>
      </c>
      <c r="AM19" s="32">
        <v>1503936835</v>
      </c>
      <c r="AN19" s="32">
        <v>0</v>
      </c>
      <c r="AO19" s="51">
        <v>88303838342</v>
      </c>
      <c r="AP19" s="7"/>
      <c r="AQ19" s="7"/>
    </row>
    <row r="20" spans="1:43" s="2" customFormat="1" ht="15" customHeight="1" x14ac:dyDescent="0.15">
      <c r="A20" s="43">
        <v>11</v>
      </c>
      <c r="B20" s="52" t="s">
        <v>62</v>
      </c>
      <c r="C20" s="32">
        <v>1674005629</v>
      </c>
      <c r="D20" s="32">
        <v>0</v>
      </c>
      <c r="E20" s="32">
        <v>1164779949</v>
      </c>
      <c r="F20" s="32">
        <v>43638961</v>
      </c>
      <c r="G20" s="32">
        <v>5115000</v>
      </c>
      <c r="H20" s="30">
        <v>113675000</v>
      </c>
      <c r="I20" s="30">
        <v>91407000</v>
      </c>
      <c r="J20" s="30">
        <v>2106000</v>
      </c>
      <c r="K20" s="30">
        <v>0</v>
      </c>
      <c r="L20" s="32">
        <v>1420721910</v>
      </c>
      <c r="M20" s="30">
        <v>150805079</v>
      </c>
      <c r="N20" s="51">
        <v>1755869470</v>
      </c>
      <c r="O20" s="43">
        <v>11</v>
      </c>
      <c r="P20" s="52" t="s">
        <v>62</v>
      </c>
      <c r="Q20" s="32">
        <v>43638961</v>
      </c>
      <c r="R20" s="30">
        <v>4826000</v>
      </c>
      <c r="S20" s="53">
        <v>226653000</v>
      </c>
      <c r="T20" s="32">
        <v>89664097</v>
      </c>
      <c r="U20" s="32">
        <v>43000000</v>
      </c>
      <c r="V20" s="32">
        <v>0</v>
      </c>
      <c r="W20" s="46">
        <v>0</v>
      </c>
      <c r="X20" s="30">
        <v>191052844</v>
      </c>
      <c r="Y20" s="30">
        <v>1460659965</v>
      </c>
      <c r="Z20" s="32">
        <v>169401330</v>
      </c>
      <c r="AA20" s="32">
        <v>109628866</v>
      </c>
      <c r="AB20" s="32">
        <v>0</v>
      </c>
      <c r="AC20" s="51">
        <v>75369231</v>
      </c>
      <c r="AD20" s="43">
        <v>11</v>
      </c>
      <c r="AE20" s="52" t="s">
        <v>62</v>
      </c>
      <c r="AF20" s="32">
        <v>13866496</v>
      </c>
      <c r="AG20" s="30">
        <v>14663381</v>
      </c>
      <c r="AH20" s="32">
        <v>119343944</v>
      </c>
      <c r="AI20" s="30">
        <v>0</v>
      </c>
      <c r="AJ20" s="30">
        <v>30719565</v>
      </c>
      <c r="AK20" s="54">
        <v>7593889768</v>
      </c>
      <c r="AL20" s="32">
        <v>0</v>
      </c>
      <c r="AM20" s="32">
        <v>1077714</v>
      </c>
      <c r="AN20" s="32">
        <v>0</v>
      </c>
      <c r="AO20" s="51">
        <v>7594967482</v>
      </c>
      <c r="AP20" s="7"/>
      <c r="AQ20" s="7"/>
    </row>
    <row r="21" spans="1:43" s="2" customFormat="1" ht="15" customHeight="1" x14ac:dyDescent="0.15">
      <c r="A21" s="43">
        <v>12</v>
      </c>
      <c r="B21" s="52" t="s">
        <v>63</v>
      </c>
      <c r="C21" s="32">
        <v>3796704738</v>
      </c>
      <c r="D21" s="32">
        <v>0</v>
      </c>
      <c r="E21" s="32">
        <v>2965306869</v>
      </c>
      <c r="F21" s="32">
        <v>109366551</v>
      </c>
      <c r="G21" s="32">
        <v>21703000</v>
      </c>
      <c r="H21" s="30">
        <v>525206000</v>
      </c>
      <c r="I21" s="30">
        <v>25864000</v>
      </c>
      <c r="J21" s="30">
        <v>102000</v>
      </c>
      <c r="K21" s="30">
        <v>0</v>
      </c>
      <c r="L21" s="32">
        <v>3647548420</v>
      </c>
      <c r="M21" s="30">
        <v>388081075</v>
      </c>
      <c r="N21" s="51">
        <v>5753996911</v>
      </c>
      <c r="O21" s="43">
        <v>12</v>
      </c>
      <c r="P21" s="52" t="s">
        <v>63</v>
      </c>
      <c r="Q21" s="32">
        <v>109366551</v>
      </c>
      <c r="R21" s="30">
        <v>20231000</v>
      </c>
      <c r="S21" s="53">
        <v>553475000</v>
      </c>
      <c r="T21" s="32">
        <v>379923068</v>
      </c>
      <c r="U21" s="32">
        <v>0</v>
      </c>
      <c r="V21" s="32">
        <v>0</v>
      </c>
      <c r="W21" s="46">
        <v>0</v>
      </c>
      <c r="X21" s="30">
        <v>402024721</v>
      </c>
      <c r="Y21" s="30">
        <v>3707643242</v>
      </c>
      <c r="Z21" s="32">
        <v>432854317</v>
      </c>
      <c r="AA21" s="32">
        <v>253081862</v>
      </c>
      <c r="AB21" s="32">
        <v>0</v>
      </c>
      <c r="AC21" s="51">
        <v>255585021</v>
      </c>
      <c r="AD21" s="43">
        <v>12</v>
      </c>
      <c r="AE21" s="52" t="s">
        <v>63</v>
      </c>
      <c r="AF21" s="32">
        <v>44520000</v>
      </c>
      <c r="AG21" s="30">
        <v>48640438</v>
      </c>
      <c r="AH21" s="32">
        <v>585205073</v>
      </c>
      <c r="AI21" s="30">
        <v>0</v>
      </c>
      <c r="AJ21" s="30">
        <v>44747062</v>
      </c>
      <c r="AK21" s="54">
        <v>20423628499</v>
      </c>
      <c r="AL21" s="32">
        <v>0</v>
      </c>
      <c r="AM21" s="32">
        <v>283709655</v>
      </c>
      <c r="AN21" s="32">
        <v>0</v>
      </c>
      <c r="AO21" s="51">
        <v>20707338154</v>
      </c>
      <c r="AP21" s="7"/>
      <c r="AQ21" s="7"/>
    </row>
    <row r="22" spans="1:43" s="2" customFormat="1" ht="15" customHeight="1" x14ac:dyDescent="0.15">
      <c r="A22" s="43">
        <v>13</v>
      </c>
      <c r="B22" s="52" t="s">
        <v>64</v>
      </c>
      <c r="C22" s="32">
        <v>5851739169</v>
      </c>
      <c r="D22" s="32">
        <v>0</v>
      </c>
      <c r="E22" s="32">
        <v>4210248615</v>
      </c>
      <c r="F22" s="32">
        <v>156645870</v>
      </c>
      <c r="G22" s="32">
        <v>26685000</v>
      </c>
      <c r="H22" s="30">
        <v>492048000</v>
      </c>
      <c r="I22" s="30">
        <v>188460000</v>
      </c>
      <c r="J22" s="30">
        <v>6198000</v>
      </c>
      <c r="K22" s="30">
        <v>0</v>
      </c>
      <c r="L22" s="32">
        <v>5080285485</v>
      </c>
      <c r="M22" s="30">
        <v>405046677</v>
      </c>
      <c r="N22" s="51">
        <v>6607052480</v>
      </c>
      <c r="O22" s="43">
        <v>13</v>
      </c>
      <c r="P22" s="52" t="s">
        <v>64</v>
      </c>
      <c r="Q22" s="32">
        <v>156645870</v>
      </c>
      <c r="R22" s="30">
        <v>24860000</v>
      </c>
      <c r="S22" s="53">
        <v>808509000</v>
      </c>
      <c r="T22" s="32">
        <v>502442224</v>
      </c>
      <c r="U22" s="32">
        <v>0</v>
      </c>
      <c r="V22" s="32">
        <v>0</v>
      </c>
      <c r="W22" s="46">
        <v>0</v>
      </c>
      <c r="X22" s="30">
        <v>624202311</v>
      </c>
      <c r="Y22" s="30">
        <v>5416281384</v>
      </c>
      <c r="Z22" s="32">
        <v>706991521</v>
      </c>
      <c r="AA22" s="32">
        <v>409361852</v>
      </c>
      <c r="AB22" s="32">
        <v>0</v>
      </c>
      <c r="AC22" s="51">
        <v>287894552</v>
      </c>
      <c r="AD22" s="43">
        <v>13</v>
      </c>
      <c r="AE22" s="52" t="s">
        <v>64</v>
      </c>
      <c r="AF22" s="32">
        <v>74773333</v>
      </c>
      <c r="AG22" s="30">
        <v>46617551</v>
      </c>
      <c r="AH22" s="32">
        <v>895592000</v>
      </c>
      <c r="AI22" s="30">
        <v>0</v>
      </c>
      <c r="AJ22" s="30">
        <v>57620169</v>
      </c>
      <c r="AK22" s="54">
        <v>27955915578</v>
      </c>
      <c r="AL22" s="32">
        <v>0</v>
      </c>
      <c r="AM22" s="32">
        <v>480679764</v>
      </c>
      <c r="AN22" s="32">
        <v>0</v>
      </c>
      <c r="AO22" s="51">
        <v>28436595342</v>
      </c>
      <c r="AP22" s="7"/>
      <c r="AQ22" s="7"/>
    </row>
    <row r="23" spans="1:43" s="2" customFormat="1" ht="15" customHeight="1" x14ac:dyDescent="0.15">
      <c r="A23" s="43">
        <v>14</v>
      </c>
      <c r="B23" s="52" t="s">
        <v>65</v>
      </c>
      <c r="C23" s="32">
        <v>5686297438</v>
      </c>
      <c r="D23" s="32">
        <v>0</v>
      </c>
      <c r="E23" s="32">
        <v>4372354757</v>
      </c>
      <c r="F23" s="32">
        <v>160205885</v>
      </c>
      <c r="G23" s="32">
        <v>34842000</v>
      </c>
      <c r="H23" s="30">
        <v>485649000</v>
      </c>
      <c r="I23" s="30">
        <v>60866000</v>
      </c>
      <c r="J23" s="30">
        <v>1175000</v>
      </c>
      <c r="K23" s="30">
        <v>0</v>
      </c>
      <c r="L23" s="32">
        <v>5115092642</v>
      </c>
      <c r="M23" s="30">
        <v>412665291</v>
      </c>
      <c r="N23" s="51">
        <v>5812974635</v>
      </c>
      <c r="O23" s="43">
        <v>14</v>
      </c>
      <c r="P23" s="52" t="s">
        <v>65</v>
      </c>
      <c r="Q23" s="32">
        <v>160205885</v>
      </c>
      <c r="R23" s="30">
        <v>34184000</v>
      </c>
      <c r="S23" s="53">
        <v>829465000</v>
      </c>
      <c r="T23" s="32">
        <v>465527377</v>
      </c>
      <c r="U23" s="32">
        <v>0</v>
      </c>
      <c r="V23" s="32">
        <v>0</v>
      </c>
      <c r="W23" s="46">
        <v>0</v>
      </c>
      <c r="X23" s="30">
        <v>693671299</v>
      </c>
      <c r="Y23" s="30">
        <v>5518821430</v>
      </c>
      <c r="Z23" s="32">
        <v>613171890</v>
      </c>
      <c r="AA23" s="32">
        <v>389294221</v>
      </c>
      <c r="AB23" s="32">
        <v>0</v>
      </c>
      <c r="AC23" s="51">
        <v>220854712</v>
      </c>
      <c r="AD23" s="43">
        <v>14</v>
      </c>
      <c r="AE23" s="52" t="s">
        <v>65</v>
      </c>
      <c r="AF23" s="32">
        <v>78116523</v>
      </c>
      <c r="AG23" s="30">
        <v>35529387</v>
      </c>
      <c r="AH23" s="32">
        <v>1238000000</v>
      </c>
      <c r="AI23" s="30">
        <v>0</v>
      </c>
      <c r="AJ23" s="30">
        <v>192198068</v>
      </c>
      <c r="AK23" s="54">
        <v>27496069798</v>
      </c>
      <c r="AL23" s="32">
        <v>300000000</v>
      </c>
      <c r="AM23" s="32">
        <v>698462459</v>
      </c>
      <c r="AN23" s="32">
        <v>0</v>
      </c>
      <c r="AO23" s="51">
        <v>28494532257</v>
      </c>
      <c r="AP23" s="7"/>
      <c r="AQ23" s="7"/>
    </row>
    <row r="24" spans="1:43" s="2" customFormat="1" ht="15" customHeight="1" x14ac:dyDescent="0.15">
      <c r="A24" s="43">
        <v>15</v>
      </c>
      <c r="B24" s="52" t="s">
        <v>66</v>
      </c>
      <c r="C24" s="32">
        <v>2447939686</v>
      </c>
      <c r="D24" s="32">
        <v>0</v>
      </c>
      <c r="E24" s="32">
        <v>1777693887</v>
      </c>
      <c r="F24" s="32">
        <v>56762540</v>
      </c>
      <c r="G24" s="32">
        <v>14077000</v>
      </c>
      <c r="H24" s="30">
        <v>200545000</v>
      </c>
      <c r="I24" s="30">
        <v>18086000</v>
      </c>
      <c r="J24" s="30">
        <v>2700000</v>
      </c>
      <c r="K24" s="30">
        <v>0</v>
      </c>
      <c r="L24" s="32">
        <v>2069864427</v>
      </c>
      <c r="M24" s="30">
        <v>237364200</v>
      </c>
      <c r="N24" s="51">
        <v>3055827690</v>
      </c>
      <c r="O24" s="43">
        <v>15</v>
      </c>
      <c r="P24" s="52" t="s">
        <v>66</v>
      </c>
      <c r="Q24" s="32">
        <v>56762540</v>
      </c>
      <c r="R24" s="30">
        <v>13463000</v>
      </c>
      <c r="S24" s="53">
        <v>335881000</v>
      </c>
      <c r="T24" s="32">
        <v>160162222</v>
      </c>
      <c r="U24" s="32">
        <v>0</v>
      </c>
      <c r="V24" s="32">
        <v>0</v>
      </c>
      <c r="W24" s="46">
        <v>0</v>
      </c>
      <c r="X24" s="30">
        <v>260105582</v>
      </c>
      <c r="Y24" s="30">
        <v>2302558608</v>
      </c>
      <c r="Z24" s="32">
        <v>254266690</v>
      </c>
      <c r="AA24" s="32">
        <v>154437753</v>
      </c>
      <c r="AB24" s="32">
        <v>0</v>
      </c>
      <c r="AC24" s="51">
        <v>142253368</v>
      </c>
      <c r="AD24" s="43">
        <v>15</v>
      </c>
      <c r="AE24" s="52" t="s">
        <v>66</v>
      </c>
      <c r="AF24" s="32">
        <v>29949333</v>
      </c>
      <c r="AG24" s="30">
        <v>25167000</v>
      </c>
      <c r="AH24" s="32">
        <v>550000000</v>
      </c>
      <c r="AI24" s="30">
        <v>0</v>
      </c>
      <c r="AJ24" s="30">
        <v>44108359</v>
      </c>
      <c r="AK24" s="54">
        <v>12140111458</v>
      </c>
      <c r="AL24" s="32">
        <v>95000000</v>
      </c>
      <c r="AM24" s="32">
        <v>517910936</v>
      </c>
      <c r="AN24" s="32">
        <v>0</v>
      </c>
      <c r="AO24" s="51">
        <v>12753022394</v>
      </c>
      <c r="AP24" s="7"/>
      <c r="AQ24" s="7"/>
    </row>
    <row r="25" spans="1:43" s="2" customFormat="1" ht="15" customHeight="1" x14ac:dyDescent="0.15">
      <c r="A25" s="43">
        <v>16</v>
      </c>
      <c r="B25" s="52" t="s">
        <v>67</v>
      </c>
      <c r="C25" s="32">
        <v>2922567851</v>
      </c>
      <c r="D25" s="32">
        <v>0</v>
      </c>
      <c r="E25" s="32">
        <v>2197160522</v>
      </c>
      <c r="F25" s="32">
        <v>82294651</v>
      </c>
      <c r="G25" s="32">
        <v>10565000</v>
      </c>
      <c r="H25" s="30">
        <v>216751000</v>
      </c>
      <c r="I25" s="30">
        <v>23840000</v>
      </c>
      <c r="J25" s="30">
        <v>0</v>
      </c>
      <c r="K25" s="30">
        <v>0</v>
      </c>
      <c r="L25" s="32">
        <v>2530611173</v>
      </c>
      <c r="M25" s="30">
        <v>169644000</v>
      </c>
      <c r="N25" s="51">
        <v>3472662661</v>
      </c>
      <c r="O25" s="43">
        <v>16</v>
      </c>
      <c r="P25" s="52" t="s">
        <v>67</v>
      </c>
      <c r="Q25" s="32">
        <v>82294651</v>
      </c>
      <c r="R25" s="30">
        <v>8568000</v>
      </c>
      <c r="S25" s="53">
        <v>427713000</v>
      </c>
      <c r="T25" s="32">
        <v>269282845</v>
      </c>
      <c r="U25" s="32">
        <v>0</v>
      </c>
      <c r="V25" s="32">
        <v>0</v>
      </c>
      <c r="W25" s="46">
        <v>0</v>
      </c>
      <c r="X25" s="30">
        <v>328862258</v>
      </c>
      <c r="Y25" s="30">
        <v>2748125395</v>
      </c>
      <c r="Z25" s="32">
        <v>349593510</v>
      </c>
      <c r="AA25" s="32">
        <v>198172890</v>
      </c>
      <c r="AB25" s="32">
        <v>0</v>
      </c>
      <c r="AC25" s="51">
        <v>115941000</v>
      </c>
      <c r="AD25" s="43">
        <v>16</v>
      </c>
      <c r="AE25" s="52" t="s">
        <v>67</v>
      </c>
      <c r="AF25" s="32">
        <v>42000000</v>
      </c>
      <c r="AG25" s="30">
        <v>29292000</v>
      </c>
      <c r="AH25" s="32">
        <v>749143000</v>
      </c>
      <c r="AI25" s="30">
        <v>0</v>
      </c>
      <c r="AJ25" s="30">
        <v>34453053</v>
      </c>
      <c r="AK25" s="54">
        <v>14478927287</v>
      </c>
      <c r="AL25" s="32">
        <v>100000000</v>
      </c>
      <c r="AM25" s="32">
        <v>189859847</v>
      </c>
      <c r="AN25" s="32">
        <v>0</v>
      </c>
      <c r="AO25" s="51">
        <v>14768787134</v>
      </c>
      <c r="AP25" s="7"/>
      <c r="AQ25" s="7"/>
    </row>
    <row r="26" spans="1:43" s="2" customFormat="1" ht="15" customHeight="1" x14ac:dyDescent="0.15">
      <c r="A26" s="43">
        <v>17</v>
      </c>
      <c r="B26" s="52" t="s">
        <v>68</v>
      </c>
      <c r="C26" s="32">
        <v>2855178504</v>
      </c>
      <c r="D26" s="32">
        <v>0</v>
      </c>
      <c r="E26" s="32">
        <v>2365565231</v>
      </c>
      <c r="F26" s="32">
        <v>82138334</v>
      </c>
      <c r="G26" s="32">
        <v>14649000</v>
      </c>
      <c r="H26" s="30">
        <v>381716000</v>
      </c>
      <c r="I26" s="30">
        <v>21248000</v>
      </c>
      <c r="J26" s="30">
        <v>5332000</v>
      </c>
      <c r="K26" s="30">
        <v>0</v>
      </c>
      <c r="L26" s="32">
        <v>2870648565</v>
      </c>
      <c r="M26" s="30">
        <v>350673395</v>
      </c>
      <c r="N26" s="51">
        <v>3463495812</v>
      </c>
      <c r="O26" s="43">
        <v>17</v>
      </c>
      <c r="P26" s="52" t="s">
        <v>68</v>
      </c>
      <c r="Q26" s="32">
        <v>82138334</v>
      </c>
      <c r="R26" s="30">
        <v>13778000</v>
      </c>
      <c r="S26" s="53">
        <v>462242000</v>
      </c>
      <c r="T26" s="32">
        <v>262593298</v>
      </c>
      <c r="U26" s="32">
        <v>0</v>
      </c>
      <c r="V26" s="32">
        <v>0</v>
      </c>
      <c r="W26" s="46">
        <v>0</v>
      </c>
      <c r="X26" s="30">
        <v>307248514</v>
      </c>
      <c r="Y26" s="30">
        <v>2992099224</v>
      </c>
      <c r="Z26" s="32">
        <v>308789520</v>
      </c>
      <c r="AA26" s="32">
        <v>189398080</v>
      </c>
      <c r="AB26" s="32">
        <v>0</v>
      </c>
      <c r="AC26" s="51">
        <v>283964639</v>
      </c>
      <c r="AD26" s="43">
        <v>17</v>
      </c>
      <c r="AE26" s="52" t="s">
        <v>68</v>
      </c>
      <c r="AF26" s="32">
        <v>36120000</v>
      </c>
      <c r="AG26" s="30">
        <v>24529000</v>
      </c>
      <c r="AH26" s="32">
        <v>1136231361</v>
      </c>
      <c r="AI26" s="30">
        <v>0</v>
      </c>
      <c r="AJ26" s="30">
        <v>58506539</v>
      </c>
      <c r="AK26" s="54">
        <v>15697634785</v>
      </c>
      <c r="AL26" s="32">
        <v>0</v>
      </c>
      <c r="AM26" s="32">
        <v>87478187</v>
      </c>
      <c r="AN26" s="32">
        <v>0</v>
      </c>
      <c r="AO26" s="51">
        <v>15785112972</v>
      </c>
      <c r="AP26" s="7"/>
      <c r="AQ26" s="7"/>
    </row>
    <row r="27" spans="1:43" s="2" customFormat="1" ht="15" customHeight="1" x14ac:dyDescent="0.15">
      <c r="A27" s="43">
        <v>18</v>
      </c>
      <c r="B27" s="52" t="s">
        <v>69</v>
      </c>
      <c r="C27" s="32">
        <v>1077332965</v>
      </c>
      <c r="D27" s="32">
        <v>0</v>
      </c>
      <c r="E27" s="32">
        <v>735454396</v>
      </c>
      <c r="F27" s="32">
        <v>25556361</v>
      </c>
      <c r="G27" s="32">
        <v>3253000</v>
      </c>
      <c r="H27" s="30">
        <v>131773000</v>
      </c>
      <c r="I27" s="30">
        <v>10202000</v>
      </c>
      <c r="J27" s="30">
        <v>2683000</v>
      </c>
      <c r="K27" s="30">
        <v>0</v>
      </c>
      <c r="L27" s="32">
        <v>908921757</v>
      </c>
      <c r="M27" s="30">
        <v>91979989</v>
      </c>
      <c r="N27" s="51">
        <v>1285685985</v>
      </c>
      <c r="O27" s="43">
        <v>18</v>
      </c>
      <c r="P27" s="52" t="s">
        <v>69</v>
      </c>
      <c r="Q27" s="32">
        <v>25556361</v>
      </c>
      <c r="R27" s="30">
        <v>3184000</v>
      </c>
      <c r="S27" s="53">
        <v>142370000</v>
      </c>
      <c r="T27" s="32">
        <v>43691906</v>
      </c>
      <c r="U27" s="32">
        <v>0</v>
      </c>
      <c r="V27" s="32">
        <v>0</v>
      </c>
      <c r="W27" s="46">
        <v>0</v>
      </c>
      <c r="X27" s="30">
        <v>102519704</v>
      </c>
      <c r="Y27" s="30">
        <v>971958445</v>
      </c>
      <c r="Z27" s="32">
        <v>138650206</v>
      </c>
      <c r="AA27" s="32">
        <v>78040072</v>
      </c>
      <c r="AB27" s="32">
        <v>0</v>
      </c>
      <c r="AC27" s="51">
        <v>54317317</v>
      </c>
      <c r="AD27" s="43">
        <v>18</v>
      </c>
      <c r="AE27" s="52" t="s">
        <v>69</v>
      </c>
      <c r="AF27" s="32">
        <v>5980486</v>
      </c>
      <c r="AG27" s="30">
        <v>11304000</v>
      </c>
      <c r="AH27" s="32">
        <v>6190000</v>
      </c>
      <c r="AI27" s="30">
        <v>0</v>
      </c>
      <c r="AJ27" s="30">
        <v>7047586</v>
      </c>
      <c r="AK27" s="54">
        <v>4954730779</v>
      </c>
      <c r="AL27" s="32">
        <v>110000000</v>
      </c>
      <c r="AM27" s="32">
        <v>153078434</v>
      </c>
      <c r="AN27" s="32">
        <v>0</v>
      </c>
      <c r="AO27" s="51">
        <v>5217809213</v>
      </c>
      <c r="AP27" s="7"/>
      <c r="AQ27" s="7"/>
    </row>
    <row r="28" spans="1:43" s="2" customFormat="1" ht="15" customHeight="1" thickBot="1" x14ac:dyDescent="0.2">
      <c r="A28" s="55">
        <v>21</v>
      </c>
      <c r="B28" s="56" t="s">
        <v>70</v>
      </c>
      <c r="C28" s="34">
        <v>2129177663</v>
      </c>
      <c r="D28" s="34">
        <v>0</v>
      </c>
      <c r="E28" s="34">
        <v>1609841182</v>
      </c>
      <c r="F28" s="34">
        <v>53187748</v>
      </c>
      <c r="G28" s="34">
        <v>12019000</v>
      </c>
      <c r="H28" s="35">
        <v>240633000</v>
      </c>
      <c r="I28" s="35">
        <v>79855000</v>
      </c>
      <c r="J28" s="35">
        <v>1296000</v>
      </c>
      <c r="K28" s="35">
        <v>0</v>
      </c>
      <c r="L28" s="34">
        <v>1996831930</v>
      </c>
      <c r="M28" s="35">
        <v>175973916</v>
      </c>
      <c r="N28" s="36">
        <v>2706402645</v>
      </c>
      <c r="O28" s="55">
        <v>21</v>
      </c>
      <c r="P28" s="56" t="s">
        <v>70</v>
      </c>
      <c r="Q28" s="34">
        <v>53187748</v>
      </c>
      <c r="R28" s="35">
        <v>11623000</v>
      </c>
      <c r="S28" s="37">
        <v>309929000</v>
      </c>
      <c r="T28" s="34">
        <v>291876738</v>
      </c>
      <c r="U28" s="34">
        <v>0</v>
      </c>
      <c r="V28" s="34">
        <v>0</v>
      </c>
      <c r="W28" s="35">
        <v>0</v>
      </c>
      <c r="X28" s="35">
        <v>255992317</v>
      </c>
      <c r="Y28" s="35">
        <v>2012674414</v>
      </c>
      <c r="Z28" s="34">
        <v>208972600</v>
      </c>
      <c r="AA28" s="34">
        <v>137270147</v>
      </c>
      <c r="AB28" s="34">
        <v>0</v>
      </c>
      <c r="AC28" s="36">
        <v>119883108</v>
      </c>
      <c r="AD28" s="55">
        <v>21</v>
      </c>
      <c r="AE28" s="56" t="s">
        <v>70</v>
      </c>
      <c r="AF28" s="34">
        <v>35280000</v>
      </c>
      <c r="AG28" s="35">
        <v>21731116</v>
      </c>
      <c r="AH28" s="34">
        <v>258417453</v>
      </c>
      <c r="AI28" s="35">
        <v>0</v>
      </c>
      <c r="AJ28" s="35">
        <v>67014541</v>
      </c>
      <c r="AK28" s="39">
        <v>10792238336</v>
      </c>
      <c r="AL28" s="34">
        <v>0</v>
      </c>
      <c r="AM28" s="34">
        <v>60000000</v>
      </c>
      <c r="AN28" s="34">
        <v>0</v>
      </c>
      <c r="AO28" s="57">
        <v>10852238336</v>
      </c>
      <c r="AP28" s="7"/>
      <c r="AQ28" s="7"/>
    </row>
    <row r="29" spans="1:43" s="2" customFormat="1" ht="15" customHeight="1" thickTop="1" x14ac:dyDescent="0.15">
      <c r="A29" s="43">
        <v>19</v>
      </c>
      <c r="B29" s="52" t="s">
        <v>71</v>
      </c>
      <c r="C29" s="45">
        <v>921558112</v>
      </c>
      <c r="D29" s="45">
        <v>0</v>
      </c>
      <c r="E29" s="45">
        <v>583731917</v>
      </c>
      <c r="F29" s="45">
        <v>24121875</v>
      </c>
      <c r="G29" s="45">
        <v>3333000</v>
      </c>
      <c r="H29" s="46">
        <v>13564000</v>
      </c>
      <c r="I29" s="46">
        <v>12266000</v>
      </c>
      <c r="J29" s="46">
        <v>1291000</v>
      </c>
      <c r="K29" s="46">
        <v>0</v>
      </c>
      <c r="L29" s="32">
        <v>638307792</v>
      </c>
      <c r="M29" s="46">
        <v>48949645</v>
      </c>
      <c r="N29" s="47">
        <v>994445021</v>
      </c>
      <c r="O29" s="43">
        <v>19</v>
      </c>
      <c r="P29" s="52" t="s">
        <v>71</v>
      </c>
      <c r="Q29" s="45">
        <v>24121875</v>
      </c>
      <c r="R29" s="46">
        <v>3295000</v>
      </c>
      <c r="S29" s="48">
        <v>113518000</v>
      </c>
      <c r="T29" s="45">
        <v>79650832</v>
      </c>
      <c r="U29" s="45">
        <v>0</v>
      </c>
      <c r="V29" s="45">
        <v>0</v>
      </c>
      <c r="W29" s="46">
        <v>0</v>
      </c>
      <c r="X29" s="46">
        <v>89338496</v>
      </c>
      <c r="Y29" s="46">
        <v>731822958</v>
      </c>
      <c r="Z29" s="45">
        <v>92505040</v>
      </c>
      <c r="AA29" s="45">
        <v>64472497</v>
      </c>
      <c r="AB29" s="45">
        <v>0</v>
      </c>
      <c r="AC29" s="47">
        <v>49950243</v>
      </c>
      <c r="AD29" s="43">
        <v>19</v>
      </c>
      <c r="AE29" s="52" t="s">
        <v>71</v>
      </c>
      <c r="AF29" s="45">
        <v>10634000</v>
      </c>
      <c r="AG29" s="46">
        <v>7522000</v>
      </c>
      <c r="AH29" s="45">
        <v>70000000</v>
      </c>
      <c r="AI29" s="46">
        <v>0</v>
      </c>
      <c r="AJ29" s="46">
        <v>4099406</v>
      </c>
      <c r="AK29" s="58">
        <v>3944190917</v>
      </c>
      <c r="AL29" s="45">
        <v>100000000</v>
      </c>
      <c r="AM29" s="45">
        <v>167291032</v>
      </c>
      <c r="AN29" s="45">
        <v>0</v>
      </c>
      <c r="AO29" s="51">
        <v>4211481949</v>
      </c>
      <c r="AP29" s="7"/>
      <c r="AQ29" s="7"/>
    </row>
    <row r="30" spans="1:43" s="2" customFormat="1" ht="15" customHeight="1" x14ac:dyDescent="0.15">
      <c r="A30" s="43">
        <v>20</v>
      </c>
      <c r="B30" s="52" t="s">
        <v>72</v>
      </c>
      <c r="C30" s="45">
        <v>1450047147</v>
      </c>
      <c r="D30" s="45">
        <v>0</v>
      </c>
      <c r="E30" s="45">
        <v>798946193</v>
      </c>
      <c r="F30" s="45">
        <v>37762730</v>
      </c>
      <c r="G30" s="45">
        <v>8362000</v>
      </c>
      <c r="H30" s="46">
        <v>105148000</v>
      </c>
      <c r="I30" s="46">
        <v>6491000</v>
      </c>
      <c r="J30" s="46">
        <v>2170000</v>
      </c>
      <c r="K30" s="46">
        <v>0</v>
      </c>
      <c r="L30" s="32">
        <v>958879923</v>
      </c>
      <c r="M30" s="46">
        <v>79642904</v>
      </c>
      <c r="N30" s="47">
        <v>1777372515</v>
      </c>
      <c r="O30" s="43">
        <v>20</v>
      </c>
      <c r="P30" s="52" t="s">
        <v>72</v>
      </c>
      <c r="Q30" s="45">
        <v>37762730</v>
      </c>
      <c r="R30" s="46">
        <v>8206000</v>
      </c>
      <c r="S30" s="48">
        <v>160530000</v>
      </c>
      <c r="T30" s="45">
        <v>124755621</v>
      </c>
      <c r="U30" s="45">
        <v>0</v>
      </c>
      <c r="V30" s="45">
        <v>0</v>
      </c>
      <c r="W30" s="46">
        <v>0</v>
      </c>
      <c r="X30" s="46">
        <v>114278103</v>
      </c>
      <c r="Y30" s="46">
        <v>1080648103</v>
      </c>
      <c r="Z30" s="45">
        <v>175926220</v>
      </c>
      <c r="AA30" s="45">
        <v>101145078</v>
      </c>
      <c r="AB30" s="45">
        <v>0</v>
      </c>
      <c r="AC30" s="47">
        <v>77120668</v>
      </c>
      <c r="AD30" s="43">
        <v>20</v>
      </c>
      <c r="AE30" s="52" t="s">
        <v>72</v>
      </c>
      <c r="AF30" s="45">
        <v>14840000</v>
      </c>
      <c r="AG30" s="46">
        <v>12684000</v>
      </c>
      <c r="AH30" s="45">
        <v>138821000</v>
      </c>
      <c r="AI30" s="46">
        <v>0</v>
      </c>
      <c r="AJ30" s="46">
        <v>12639785</v>
      </c>
      <c r="AK30" s="58">
        <v>6325299797</v>
      </c>
      <c r="AL30" s="45">
        <v>150000000</v>
      </c>
      <c r="AM30" s="45">
        <v>326188437</v>
      </c>
      <c r="AN30" s="45">
        <v>0</v>
      </c>
      <c r="AO30" s="51">
        <v>6801488234</v>
      </c>
      <c r="AP30" s="7"/>
      <c r="AQ30" s="7"/>
    </row>
    <row r="31" spans="1:43" s="2" customFormat="1" ht="15" customHeight="1" x14ac:dyDescent="0.15">
      <c r="A31" s="43">
        <v>22</v>
      </c>
      <c r="B31" s="52" t="s">
        <v>73</v>
      </c>
      <c r="C31" s="45">
        <v>923816292</v>
      </c>
      <c r="D31" s="45">
        <v>0</v>
      </c>
      <c r="E31" s="45">
        <v>600873677</v>
      </c>
      <c r="F31" s="45">
        <v>21536926</v>
      </c>
      <c r="G31" s="45">
        <v>3599000</v>
      </c>
      <c r="H31" s="46">
        <v>53111000</v>
      </c>
      <c r="I31" s="46">
        <v>7151000</v>
      </c>
      <c r="J31" s="46">
        <v>1291000</v>
      </c>
      <c r="K31" s="46">
        <v>0</v>
      </c>
      <c r="L31" s="32">
        <v>687562603</v>
      </c>
      <c r="M31" s="46">
        <v>62863398</v>
      </c>
      <c r="N31" s="47">
        <v>1228044363</v>
      </c>
      <c r="O31" s="43">
        <v>22</v>
      </c>
      <c r="P31" s="52" t="s">
        <v>73</v>
      </c>
      <c r="Q31" s="45">
        <v>21536926</v>
      </c>
      <c r="R31" s="46">
        <v>3589000</v>
      </c>
      <c r="S31" s="48">
        <v>117709000</v>
      </c>
      <c r="T31" s="45">
        <v>71494798</v>
      </c>
      <c r="U31" s="45">
        <v>0</v>
      </c>
      <c r="V31" s="45">
        <v>747480</v>
      </c>
      <c r="W31" s="46">
        <v>0</v>
      </c>
      <c r="X31" s="46">
        <v>78936970</v>
      </c>
      <c r="Y31" s="46">
        <v>779393520</v>
      </c>
      <c r="Z31" s="45">
        <v>89401540</v>
      </c>
      <c r="AA31" s="45">
        <v>58847959</v>
      </c>
      <c r="AB31" s="45">
        <v>0</v>
      </c>
      <c r="AC31" s="47">
        <v>43606000</v>
      </c>
      <c r="AD31" s="43">
        <v>22</v>
      </c>
      <c r="AE31" s="52" t="s">
        <v>73</v>
      </c>
      <c r="AF31" s="45">
        <v>9800000</v>
      </c>
      <c r="AG31" s="46">
        <v>10842930</v>
      </c>
      <c r="AH31" s="45">
        <v>241902000</v>
      </c>
      <c r="AI31" s="46">
        <v>0</v>
      </c>
      <c r="AJ31" s="46">
        <v>5122840</v>
      </c>
      <c r="AK31" s="58">
        <v>4435217619</v>
      </c>
      <c r="AL31" s="45">
        <v>50000000</v>
      </c>
      <c r="AM31" s="45">
        <v>214256506</v>
      </c>
      <c r="AN31" s="45">
        <v>0</v>
      </c>
      <c r="AO31" s="51">
        <v>4699474125</v>
      </c>
      <c r="AP31" s="7"/>
      <c r="AQ31" s="7"/>
    </row>
    <row r="32" spans="1:43" s="2" customFormat="1" ht="15" customHeight="1" x14ac:dyDescent="0.15">
      <c r="A32" s="43">
        <v>23</v>
      </c>
      <c r="B32" s="52" t="s">
        <v>74</v>
      </c>
      <c r="C32" s="45">
        <v>722429234</v>
      </c>
      <c r="D32" s="45">
        <v>0</v>
      </c>
      <c r="E32" s="45">
        <v>602311531</v>
      </c>
      <c r="F32" s="45">
        <v>15828159</v>
      </c>
      <c r="G32" s="45">
        <v>5509000</v>
      </c>
      <c r="H32" s="46">
        <v>80517000</v>
      </c>
      <c r="I32" s="46">
        <v>5589000</v>
      </c>
      <c r="J32" s="46">
        <v>1291000</v>
      </c>
      <c r="K32" s="46">
        <v>0</v>
      </c>
      <c r="L32" s="32">
        <v>711045690</v>
      </c>
      <c r="M32" s="46">
        <v>75964000</v>
      </c>
      <c r="N32" s="47">
        <v>924119821</v>
      </c>
      <c r="O32" s="43">
        <v>23</v>
      </c>
      <c r="P32" s="52" t="s">
        <v>74</v>
      </c>
      <c r="Q32" s="45">
        <v>15828159</v>
      </c>
      <c r="R32" s="46">
        <v>5261000</v>
      </c>
      <c r="S32" s="48">
        <v>109452000</v>
      </c>
      <c r="T32" s="45">
        <v>39917581</v>
      </c>
      <c r="U32" s="45">
        <v>94000000</v>
      </c>
      <c r="V32" s="45">
        <v>0</v>
      </c>
      <c r="W32" s="46">
        <v>0</v>
      </c>
      <c r="X32" s="46">
        <v>84662649</v>
      </c>
      <c r="Y32" s="46">
        <v>733685129</v>
      </c>
      <c r="Z32" s="45">
        <v>74255050</v>
      </c>
      <c r="AA32" s="45">
        <v>46862455</v>
      </c>
      <c r="AB32" s="45">
        <v>0</v>
      </c>
      <c r="AC32" s="47">
        <v>37551000</v>
      </c>
      <c r="AD32" s="43">
        <v>23</v>
      </c>
      <c r="AE32" s="52" t="s">
        <v>74</v>
      </c>
      <c r="AF32" s="45">
        <v>4480000</v>
      </c>
      <c r="AG32" s="46">
        <v>9430558</v>
      </c>
      <c r="AH32" s="45">
        <v>0</v>
      </c>
      <c r="AI32" s="46">
        <v>0</v>
      </c>
      <c r="AJ32" s="46">
        <v>100306104</v>
      </c>
      <c r="AK32" s="58">
        <v>3789250430</v>
      </c>
      <c r="AL32" s="45">
        <v>119000000</v>
      </c>
      <c r="AM32" s="45">
        <v>65714454</v>
      </c>
      <c r="AN32" s="45">
        <v>0</v>
      </c>
      <c r="AO32" s="51">
        <v>3973964884</v>
      </c>
      <c r="AP32" s="7"/>
      <c r="AQ32" s="7"/>
    </row>
    <row r="33" spans="1:43" s="2" customFormat="1" ht="15" customHeight="1" x14ac:dyDescent="0.15">
      <c r="A33" s="43">
        <v>24</v>
      </c>
      <c r="B33" s="52" t="s">
        <v>75</v>
      </c>
      <c r="C33" s="45">
        <v>269633219</v>
      </c>
      <c r="D33" s="45">
        <v>0</v>
      </c>
      <c r="E33" s="45">
        <v>162249413</v>
      </c>
      <c r="F33" s="45">
        <v>7145632</v>
      </c>
      <c r="G33" s="45">
        <v>966000</v>
      </c>
      <c r="H33" s="46">
        <v>24398000</v>
      </c>
      <c r="I33" s="46">
        <v>2160000</v>
      </c>
      <c r="J33" s="46">
        <v>1291000</v>
      </c>
      <c r="K33" s="46">
        <v>0</v>
      </c>
      <c r="L33" s="32">
        <v>198210045</v>
      </c>
      <c r="M33" s="46">
        <v>49670011</v>
      </c>
      <c r="N33" s="47">
        <v>440664751</v>
      </c>
      <c r="O33" s="43">
        <v>24</v>
      </c>
      <c r="P33" s="52" t="s">
        <v>75</v>
      </c>
      <c r="Q33" s="45">
        <v>7145632</v>
      </c>
      <c r="R33" s="46">
        <v>922000</v>
      </c>
      <c r="S33" s="48">
        <v>32217000</v>
      </c>
      <c r="T33" s="45">
        <v>53525338</v>
      </c>
      <c r="U33" s="45">
        <v>0</v>
      </c>
      <c r="V33" s="45">
        <v>0</v>
      </c>
      <c r="W33" s="46">
        <v>0</v>
      </c>
      <c r="X33" s="46">
        <v>20887372</v>
      </c>
      <c r="Y33" s="46">
        <v>218480038</v>
      </c>
      <c r="Z33" s="45">
        <v>25215775</v>
      </c>
      <c r="AA33" s="45">
        <v>15408548</v>
      </c>
      <c r="AB33" s="45">
        <v>0</v>
      </c>
      <c r="AC33" s="47">
        <v>22570265</v>
      </c>
      <c r="AD33" s="43">
        <v>24</v>
      </c>
      <c r="AE33" s="52" t="s">
        <v>75</v>
      </c>
      <c r="AF33" s="45">
        <v>1120000</v>
      </c>
      <c r="AG33" s="46">
        <v>3440000</v>
      </c>
      <c r="AH33" s="45">
        <v>60000000</v>
      </c>
      <c r="AI33" s="46">
        <v>0</v>
      </c>
      <c r="AJ33" s="46">
        <v>719934</v>
      </c>
      <c r="AK33" s="58">
        <v>1419829928</v>
      </c>
      <c r="AL33" s="45">
        <v>0</v>
      </c>
      <c r="AM33" s="45">
        <v>23844231</v>
      </c>
      <c r="AN33" s="45">
        <v>0</v>
      </c>
      <c r="AO33" s="51">
        <v>1443674159</v>
      </c>
      <c r="AP33" s="7"/>
      <c r="AQ33" s="7"/>
    </row>
    <row r="34" spans="1:43" s="2" customFormat="1" ht="15" customHeight="1" x14ac:dyDescent="0.15">
      <c r="A34" s="43">
        <v>25</v>
      </c>
      <c r="B34" s="52" t="s">
        <v>76</v>
      </c>
      <c r="C34" s="45">
        <v>441551232</v>
      </c>
      <c r="D34" s="45">
        <v>0</v>
      </c>
      <c r="E34" s="45">
        <v>242166407</v>
      </c>
      <c r="F34" s="45">
        <v>10944741</v>
      </c>
      <c r="G34" s="45">
        <v>1421000</v>
      </c>
      <c r="H34" s="46">
        <v>45740000</v>
      </c>
      <c r="I34" s="46">
        <v>3487000</v>
      </c>
      <c r="J34" s="46">
        <v>1291000</v>
      </c>
      <c r="K34" s="46">
        <v>0</v>
      </c>
      <c r="L34" s="32">
        <v>305050148</v>
      </c>
      <c r="M34" s="46">
        <v>33525439</v>
      </c>
      <c r="N34" s="47">
        <v>583643445</v>
      </c>
      <c r="O34" s="43">
        <v>25</v>
      </c>
      <c r="P34" s="52" t="s">
        <v>76</v>
      </c>
      <c r="Q34" s="45">
        <v>10944741</v>
      </c>
      <c r="R34" s="46">
        <v>1317000</v>
      </c>
      <c r="S34" s="48">
        <v>46730000</v>
      </c>
      <c r="T34" s="45">
        <v>96699603</v>
      </c>
      <c r="U34" s="45">
        <v>0</v>
      </c>
      <c r="V34" s="45">
        <v>0</v>
      </c>
      <c r="W34" s="46">
        <v>0</v>
      </c>
      <c r="X34" s="46">
        <v>34879434</v>
      </c>
      <c r="Y34" s="46">
        <v>314704519</v>
      </c>
      <c r="Z34" s="45">
        <v>49460445</v>
      </c>
      <c r="AA34" s="45">
        <v>30022816</v>
      </c>
      <c r="AB34" s="45">
        <v>0</v>
      </c>
      <c r="AC34" s="47">
        <v>31782000</v>
      </c>
      <c r="AD34" s="43">
        <v>25</v>
      </c>
      <c r="AE34" s="52" t="s">
        <v>76</v>
      </c>
      <c r="AF34" s="45">
        <v>7000000</v>
      </c>
      <c r="AG34" s="46">
        <v>4587000</v>
      </c>
      <c r="AH34" s="45">
        <v>20000000</v>
      </c>
      <c r="AI34" s="46">
        <v>0</v>
      </c>
      <c r="AJ34" s="46">
        <v>5863471</v>
      </c>
      <c r="AK34" s="58">
        <v>2017761293</v>
      </c>
      <c r="AL34" s="45">
        <v>0</v>
      </c>
      <c r="AM34" s="45">
        <v>183249692</v>
      </c>
      <c r="AN34" s="45">
        <v>0</v>
      </c>
      <c r="AO34" s="51">
        <v>2201010985</v>
      </c>
      <c r="AP34" s="7"/>
      <c r="AQ34" s="7"/>
    </row>
    <row r="35" spans="1:43" s="2" customFormat="1" ht="15" customHeight="1" x14ac:dyDescent="0.15">
      <c r="A35" s="43">
        <v>26</v>
      </c>
      <c r="B35" s="52" t="s">
        <v>77</v>
      </c>
      <c r="C35" s="45">
        <v>282097704</v>
      </c>
      <c r="D35" s="45">
        <v>0</v>
      </c>
      <c r="E35" s="45">
        <v>243701671</v>
      </c>
      <c r="F35" s="45">
        <v>7105997</v>
      </c>
      <c r="G35" s="45">
        <v>1118000</v>
      </c>
      <c r="H35" s="46">
        <v>53786000</v>
      </c>
      <c r="I35" s="46">
        <v>2090000</v>
      </c>
      <c r="J35" s="46">
        <v>1291000</v>
      </c>
      <c r="K35" s="46">
        <v>0</v>
      </c>
      <c r="L35" s="32">
        <v>309092668</v>
      </c>
      <c r="M35" s="46">
        <v>40506350</v>
      </c>
      <c r="N35" s="47">
        <v>406675161</v>
      </c>
      <c r="O35" s="43">
        <v>26</v>
      </c>
      <c r="P35" s="52" t="s">
        <v>77</v>
      </c>
      <c r="Q35" s="45">
        <v>7105997</v>
      </c>
      <c r="R35" s="46">
        <v>1131000</v>
      </c>
      <c r="S35" s="48">
        <v>45698000</v>
      </c>
      <c r="T35" s="45">
        <v>27633284</v>
      </c>
      <c r="U35" s="45">
        <v>50000000</v>
      </c>
      <c r="V35" s="45">
        <v>0</v>
      </c>
      <c r="W35" s="46">
        <v>0</v>
      </c>
      <c r="X35" s="46">
        <v>45682897</v>
      </c>
      <c r="Y35" s="46">
        <v>311026344</v>
      </c>
      <c r="Z35" s="45">
        <v>36237777</v>
      </c>
      <c r="AA35" s="45">
        <v>20715686</v>
      </c>
      <c r="AB35" s="45">
        <v>0</v>
      </c>
      <c r="AC35" s="47">
        <v>26083299</v>
      </c>
      <c r="AD35" s="43">
        <v>26</v>
      </c>
      <c r="AE35" s="52" t="s">
        <v>77</v>
      </c>
      <c r="AF35" s="45">
        <v>1680000</v>
      </c>
      <c r="AG35" s="46">
        <v>3481540</v>
      </c>
      <c r="AH35" s="45">
        <v>20000000</v>
      </c>
      <c r="AI35" s="46">
        <v>0</v>
      </c>
      <c r="AJ35" s="46">
        <v>4685100</v>
      </c>
      <c r="AK35" s="58">
        <v>1639532807</v>
      </c>
      <c r="AL35" s="45">
        <v>0</v>
      </c>
      <c r="AM35" s="45">
        <v>51981735</v>
      </c>
      <c r="AN35" s="45">
        <v>0</v>
      </c>
      <c r="AO35" s="51">
        <v>1691514542</v>
      </c>
      <c r="AP35" s="7"/>
      <c r="AQ35" s="7"/>
    </row>
    <row r="36" spans="1:43" s="2" customFormat="1" ht="15" customHeight="1" x14ac:dyDescent="0.15">
      <c r="A36" s="43">
        <v>27</v>
      </c>
      <c r="B36" s="52" t="s">
        <v>78</v>
      </c>
      <c r="C36" s="45">
        <v>321825229</v>
      </c>
      <c r="D36" s="45">
        <v>0</v>
      </c>
      <c r="E36" s="45">
        <v>222114883</v>
      </c>
      <c r="F36" s="45">
        <v>6039638</v>
      </c>
      <c r="G36" s="45">
        <v>1397000</v>
      </c>
      <c r="H36" s="46">
        <v>36509000</v>
      </c>
      <c r="I36" s="46">
        <v>2233000</v>
      </c>
      <c r="J36" s="46">
        <v>1291000</v>
      </c>
      <c r="K36" s="46">
        <v>0</v>
      </c>
      <c r="L36" s="32">
        <v>269584521</v>
      </c>
      <c r="M36" s="46">
        <v>50553143</v>
      </c>
      <c r="N36" s="47">
        <v>488963574</v>
      </c>
      <c r="O36" s="43">
        <v>27</v>
      </c>
      <c r="P36" s="52" t="s">
        <v>78</v>
      </c>
      <c r="Q36" s="45">
        <v>6039638</v>
      </c>
      <c r="R36" s="46">
        <v>1280000</v>
      </c>
      <c r="S36" s="48">
        <v>42044000</v>
      </c>
      <c r="T36" s="45">
        <v>32916303</v>
      </c>
      <c r="U36" s="45">
        <v>28000000</v>
      </c>
      <c r="V36" s="45">
        <v>0</v>
      </c>
      <c r="W36" s="46">
        <v>0</v>
      </c>
      <c r="X36" s="46">
        <v>38025174</v>
      </c>
      <c r="Y36" s="46">
        <v>301380915</v>
      </c>
      <c r="Z36" s="45">
        <v>39648615</v>
      </c>
      <c r="AA36" s="45">
        <v>21157662</v>
      </c>
      <c r="AB36" s="45">
        <v>0</v>
      </c>
      <c r="AC36" s="47">
        <v>18795285</v>
      </c>
      <c r="AD36" s="43">
        <v>27</v>
      </c>
      <c r="AE36" s="52" t="s">
        <v>78</v>
      </c>
      <c r="AF36" s="45">
        <v>1389333</v>
      </c>
      <c r="AG36" s="46">
        <v>4130711</v>
      </c>
      <c r="AH36" s="45">
        <v>49000000</v>
      </c>
      <c r="AI36" s="46">
        <v>0</v>
      </c>
      <c r="AJ36" s="46">
        <v>408035</v>
      </c>
      <c r="AK36" s="58">
        <v>1715142138</v>
      </c>
      <c r="AL36" s="45">
        <v>0</v>
      </c>
      <c r="AM36" s="45">
        <v>2665080</v>
      </c>
      <c r="AN36" s="45">
        <v>0</v>
      </c>
      <c r="AO36" s="51">
        <v>1717807218</v>
      </c>
      <c r="AP36" s="7"/>
      <c r="AQ36" s="7"/>
    </row>
    <row r="37" spans="1:43" s="2" customFormat="1" ht="15" customHeight="1" x14ac:dyDescent="0.15">
      <c r="A37" s="43">
        <v>28</v>
      </c>
      <c r="B37" s="52" t="s">
        <v>79</v>
      </c>
      <c r="C37" s="45">
        <v>381302345</v>
      </c>
      <c r="D37" s="45">
        <v>0</v>
      </c>
      <c r="E37" s="45">
        <v>280410441</v>
      </c>
      <c r="F37" s="45">
        <v>7201082</v>
      </c>
      <c r="G37" s="45">
        <v>1790000</v>
      </c>
      <c r="H37" s="46">
        <v>44039000</v>
      </c>
      <c r="I37" s="46">
        <v>3526000</v>
      </c>
      <c r="J37" s="46">
        <v>1291000</v>
      </c>
      <c r="K37" s="46">
        <v>0</v>
      </c>
      <c r="L37" s="32">
        <v>338257523</v>
      </c>
      <c r="M37" s="46">
        <v>74274042</v>
      </c>
      <c r="N37" s="47">
        <v>443717706</v>
      </c>
      <c r="O37" s="43">
        <v>28</v>
      </c>
      <c r="P37" s="52" t="s">
        <v>79</v>
      </c>
      <c r="Q37" s="45">
        <v>7201082</v>
      </c>
      <c r="R37" s="46">
        <v>1754000</v>
      </c>
      <c r="S37" s="48">
        <v>49211000</v>
      </c>
      <c r="T37" s="45">
        <v>14995127</v>
      </c>
      <c r="U37" s="45">
        <v>0</v>
      </c>
      <c r="V37" s="45">
        <v>0</v>
      </c>
      <c r="W37" s="46">
        <v>0</v>
      </c>
      <c r="X37" s="46">
        <v>40073923</v>
      </c>
      <c r="Y37" s="46">
        <v>371349624</v>
      </c>
      <c r="Z37" s="45">
        <v>41783285</v>
      </c>
      <c r="AA37" s="45">
        <v>25631814</v>
      </c>
      <c r="AB37" s="45">
        <v>0</v>
      </c>
      <c r="AC37" s="47">
        <v>24172705</v>
      </c>
      <c r="AD37" s="43">
        <v>28</v>
      </c>
      <c r="AE37" s="52" t="s">
        <v>79</v>
      </c>
      <c r="AF37" s="45">
        <v>4471433</v>
      </c>
      <c r="AG37" s="46">
        <v>3913929</v>
      </c>
      <c r="AH37" s="45">
        <v>36412834</v>
      </c>
      <c r="AI37" s="46">
        <v>0</v>
      </c>
      <c r="AJ37" s="46">
        <v>2423071</v>
      </c>
      <c r="AK37" s="58">
        <v>1860945443</v>
      </c>
      <c r="AL37" s="45">
        <v>0</v>
      </c>
      <c r="AM37" s="45">
        <v>158255915</v>
      </c>
      <c r="AN37" s="45">
        <v>0</v>
      </c>
      <c r="AO37" s="51">
        <v>2019201358</v>
      </c>
      <c r="AP37" s="7"/>
      <c r="AQ37" s="7"/>
    </row>
    <row r="38" spans="1:43" s="2" customFormat="1" ht="15" customHeight="1" x14ac:dyDescent="0.15">
      <c r="A38" s="43">
        <v>29</v>
      </c>
      <c r="B38" s="52" t="s">
        <v>80</v>
      </c>
      <c r="C38" s="45">
        <v>360373830</v>
      </c>
      <c r="D38" s="45">
        <v>0</v>
      </c>
      <c r="E38" s="45">
        <v>278324228</v>
      </c>
      <c r="F38" s="45">
        <v>11579544</v>
      </c>
      <c r="G38" s="45">
        <v>1783000</v>
      </c>
      <c r="H38" s="46">
        <v>33742000</v>
      </c>
      <c r="I38" s="46">
        <v>2117000</v>
      </c>
      <c r="J38" s="46">
        <v>1338000</v>
      </c>
      <c r="K38" s="46">
        <v>0</v>
      </c>
      <c r="L38" s="32">
        <v>328883772</v>
      </c>
      <c r="M38" s="46">
        <v>10003209</v>
      </c>
      <c r="N38" s="47">
        <v>450411660</v>
      </c>
      <c r="O38" s="43">
        <v>29</v>
      </c>
      <c r="P38" s="52" t="s">
        <v>80</v>
      </c>
      <c r="Q38" s="45">
        <v>11579544</v>
      </c>
      <c r="R38" s="46">
        <v>1722000</v>
      </c>
      <c r="S38" s="48">
        <v>54932000</v>
      </c>
      <c r="T38" s="45">
        <v>47895671</v>
      </c>
      <c r="U38" s="45">
        <v>0</v>
      </c>
      <c r="V38" s="45">
        <v>0</v>
      </c>
      <c r="W38" s="46">
        <v>0</v>
      </c>
      <c r="X38" s="46">
        <v>51376325</v>
      </c>
      <c r="Y38" s="46">
        <v>354640957</v>
      </c>
      <c r="Z38" s="45">
        <v>54318317</v>
      </c>
      <c r="AA38" s="45">
        <v>31922757</v>
      </c>
      <c r="AB38" s="45">
        <v>0</v>
      </c>
      <c r="AC38" s="47">
        <v>63180263</v>
      </c>
      <c r="AD38" s="43">
        <v>29</v>
      </c>
      <c r="AE38" s="52" t="s">
        <v>80</v>
      </c>
      <c r="AF38" s="45">
        <v>3360000</v>
      </c>
      <c r="AG38" s="46">
        <v>7108908</v>
      </c>
      <c r="AH38" s="45">
        <v>8359603</v>
      </c>
      <c r="AI38" s="46">
        <v>0</v>
      </c>
      <c r="AJ38" s="46">
        <v>2386324</v>
      </c>
      <c r="AK38" s="58">
        <v>1842455140</v>
      </c>
      <c r="AL38" s="45">
        <v>0</v>
      </c>
      <c r="AM38" s="45">
        <v>74598724</v>
      </c>
      <c r="AN38" s="45">
        <v>0</v>
      </c>
      <c r="AO38" s="51">
        <v>1917053864</v>
      </c>
      <c r="AP38" s="7"/>
      <c r="AQ38" s="7"/>
    </row>
    <row r="39" spans="1:43" s="2" customFormat="1" ht="15" customHeight="1" x14ac:dyDescent="0.15">
      <c r="A39" s="43">
        <v>30</v>
      </c>
      <c r="B39" s="52" t="s">
        <v>81</v>
      </c>
      <c r="C39" s="45">
        <v>286027918</v>
      </c>
      <c r="D39" s="45">
        <v>0</v>
      </c>
      <c r="E39" s="45">
        <v>208857138</v>
      </c>
      <c r="F39" s="45">
        <v>9266193</v>
      </c>
      <c r="G39" s="45">
        <v>1009000</v>
      </c>
      <c r="H39" s="46">
        <v>36594000</v>
      </c>
      <c r="I39" s="46">
        <v>1813000</v>
      </c>
      <c r="J39" s="46">
        <v>1291000</v>
      </c>
      <c r="K39" s="46">
        <v>0</v>
      </c>
      <c r="L39" s="32">
        <v>258830331</v>
      </c>
      <c r="M39" s="46">
        <v>11465607</v>
      </c>
      <c r="N39" s="47">
        <v>338472597</v>
      </c>
      <c r="O39" s="43">
        <v>30</v>
      </c>
      <c r="P39" s="52" t="s">
        <v>81</v>
      </c>
      <c r="Q39" s="45">
        <v>9266193</v>
      </c>
      <c r="R39" s="46">
        <v>927000</v>
      </c>
      <c r="S39" s="48">
        <v>41421000</v>
      </c>
      <c r="T39" s="45">
        <v>35879716</v>
      </c>
      <c r="U39" s="45">
        <v>0</v>
      </c>
      <c r="V39" s="45">
        <v>0</v>
      </c>
      <c r="W39" s="46">
        <v>0</v>
      </c>
      <c r="X39" s="46">
        <v>37499915</v>
      </c>
      <c r="Y39" s="46">
        <v>273466159</v>
      </c>
      <c r="Z39" s="45">
        <v>42796755</v>
      </c>
      <c r="AA39" s="45">
        <v>22640113</v>
      </c>
      <c r="AB39" s="45">
        <v>0</v>
      </c>
      <c r="AC39" s="47">
        <v>20847000</v>
      </c>
      <c r="AD39" s="43">
        <v>30</v>
      </c>
      <c r="AE39" s="52" t="s">
        <v>81</v>
      </c>
      <c r="AF39" s="45">
        <v>2520000</v>
      </c>
      <c r="AG39" s="46">
        <v>3119444</v>
      </c>
      <c r="AH39" s="45">
        <v>0</v>
      </c>
      <c r="AI39" s="46">
        <v>0</v>
      </c>
      <c r="AJ39" s="46">
        <v>4705789</v>
      </c>
      <c r="AK39" s="58">
        <v>1389885537</v>
      </c>
      <c r="AL39" s="45">
        <v>0</v>
      </c>
      <c r="AM39" s="45">
        <v>107795505</v>
      </c>
      <c r="AN39" s="45">
        <v>0</v>
      </c>
      <c r="AO39" s="51">
        <v>1497681042</v>
      </c>
      <c r="AP39" s="7"/>
      <c r="AQ39" s="7"/>
    </row>
    <row r="40" spans="1:43" s="2" customFormat="1" ht="15" customHeight="1" x14ac:dyDescent="0.15">
      <c r="A40" s="43">
        <v>31</v>
      </c>
      <c r="B40" s="52" t="s">
        <v>82</v>
      </c>
      <c r="C40" s="45">
        <v>1031352343</v>
      </c>
      <c r="D40" s="45">
        <v>0</v>
      </c>
      <c r="E40" s="45">
        <v>571175298</v>
      </c>
      <c r="F40" s="45">
        <v>25470359</v>
      </c>
      <c r="G40" s="45">
        <v>3436000</v>
      </c>
      <c r="H40" s="46">
        <v>62789000</v>
      </c>
      <c r="I40" s="46">
        <v>7240000</v>
      </c>
      <c r="J40" s="46">
        <v>1291000</v>
      </c>
      <c r="K40" s="46">
        <v>0</v>
      </c>
      <c r="L40" s="32">
        <v>671401657</v>
      </c>
      <c r="M40" s="46">
        <v>42043358</v>
      </c>
      <c r="N40" s="47">
        <v>1118644476</v>
      </c>
      <c r="O40" s="43">
        <v>31</v>
      </c>
      <c r="P40" s="52" t="s">
        <v>82</v>
      </c>
      <c r="Q40" s="45">
        <v>25470359</v>
      </c>
      <c r="R40" s="46">
        <v>3315000</v>
      </c>
      <c r="S40" s="48">
        <v>106142000</v>
      </c>
      <c r="T40" s="45">
        <v>132708458</v>
      </c>
      <c r="U40" s="45">
        <v>0</v>
      </c>
      <c r="V40" s="45">
        <v>2667403</v>
      </c>
      <c r="W40" s="46">
        <v>0</v>
      </c>
      <c r="X40" s="46">
        <v>114397687</v>
      </c>
      <c r="Y40" s="46">
        <v>706854771</v>
      </c>
      <c r="Z40" s="45">
        <v>143342792</v>
      </c>
      <c r="AA40" s="45">
        <v>78686914</v>
      </c>
      <c r="AB40" s="45">
        <v>0</v>
      </c>
      <c r="AC40" s="47">
        <v>52728101</v>
      </c>
      <c r="AD40" s="43">
        <v>31</v>
      </c>
      <c r="AE40" s="52" t="s">
        <v>82</v>
      </c>
      <c r="AF40" s="45">
        <v>6720000</v>
      </c>
      <c r="AG40" s="46">
        <v>9546000</v>
      </c>
      <c r="AH40" s="45">
        <v>0</v>
      </c>
      <c r="AI40" s="46">
        <v>0</v>
      </c>
      <c r="AJ40" s="46">
        <v>16725735</v>
      </c>
      <c r="AK40" s="58">
        <v>4262747054</v>
      </c>
      <c r="AL40" s="45">
        <v>0</v>
      </c>
      <c r="AM40" s="45">
        <v>449468811</v>
      </c>
      <c r="AN40" s="45">
        <v>0</v>
      </c>
      <c r="AO40" s="51">
        <v>4712215865</v>
      </c>
      <c r="AP40" s="7"/>
      <c r="AQ40" s="7"/>
    </row>
    <row r="41" spans="1:43" s="2" customFormat="1" ht="15" customHeight="1" x14ac:dyDescent="0.15">
      <c r="A41" s="43">
        <v>32</v>
      </c>
      <c r="B41" s="52" t="s">
        <v>83</v>
      </c>
      <c r="C41" s="45">
        <v>1188279337</v>
      </c>
      <c r="D41" s="45">
        <v>0</v>
      </c>
      <c r="E41" s="45">
        <v>1029710492</v>
      </c>
      <c r="F41" s="45">
        <v>39982157</v>
      </c>
      <c r="G41" s="45">
        <v>7646000</v>
      </c>
      <c r="H41" s="46">
        <v>175199000</v>
      </c>
      <c r="I41" s="46">
        <v>9385000</v>
      </c>
      <c r="J41" s="46">
        <v>2004000</v>
      </c>
      <c r="K41" s="46">
        <v>0</v>
      </c>
      <c r="L41" s="32">
        <v>1263926649</v>
      </c>
      <c r="M41" s="46">
        <v>147285875</v>
      </c>
      <c r="N41" s="47">
        <v>1243284938</v>
      </c>
      <c r="O41" s="43">
        <v>32</v>
      </c>
      <c r="P41" s="52" t="s">
        <v>83</v>
      </c>
      <c r="Q41" s="45">
        <v>39982157</v>
      </c>
      <c r="R41" s="46">
        <v>7489000</v>
      </c>
      <c r="S41" s="48">
        <v>200248000</v>
      </c>
      <c r="T41" s="45">
        <v>55356535</v>
      </c>
      <c r="U41" s="45">
        <v>0</v>
      </c>
      <c r="V41" s="45">
        <v>0</v>
      </c>
      <c r="W41" s="46">
        <v>0</v>
      </c>
      <c r="X41" s="46">
        <v>176013482</v>
      </c>
      <c r="Y41" s="46">
        <v>1308666894</v>
      </c>
      <c r="Z41" s="45">
        <v>135054205</v>
      </c>
      <c r="AA41" s="45">
        <v>78758407</v>
      </c>
      <c r="AB41" s="45">
        <v>0</v>
      </c>
      <c r="AC41" s="47">
        <v>90952222</v>
      </c>
      <c r="AD41" s="43">
        <v>32</v>
      </c>
      <c r="AE41" s="52" t="s">
        <v>83</v>
      </c>
      <c r="AF41" s="45">
        <v>14000000</v>
      </c>
      <c r="AG41" s="46">
        <v>10581621</v>
      </c>
      <c r="AH41" s="45">
        <v>325084839</v>
      </c>
      <c r="AI41" s="46">
        <v>0</v>
      </c>
      <c r="AJ41" s="46">
        <v>23996029</v>
      </c>
      <c r="AK41" s="58">
        <v>6308960190</v>
      </c>
      <c r="AL41" s="45">
        <v>0</v>
      </c>
      <c r="AM41" s="45">
        <v>34978906</v>
      </c>
      <c r="AN41" s="45">
        <v>0</v>
      </c>
      <c r="AO41" s="51">
        <v>6343939096</v>
      </c>
      <c r="AP41" s="7"/>
      <c r="AQ41" s="7"/>
    </row>
    <row r="42" spans="1:43" s="2" customFormat="1" ht="15" customHeight="1" thickBot="1" x14ac:dyDescent="0.2">
      <c r="A42" s="43">
        <v>33</v>
      </c>
      <c r="B42" s="52" t="s">
        <v>84</v>
      </c>
      <c r="C42" s="45">
        <v>85944854</v>
      </c>
      <c r="D42" s="45">
        <v>0</v>
      </c>
      <c r="E42" s="45">
        <v>69416178</v>
      </c>
      <c r="F42" s="45">
        <v>2496141</v>
      </c>
      <c r="G42" s="45">
        <v>854000</v>
      </c>
      <c r="H42" s="46">
        <v>11411000</v>
      </c>
      <c r="I42" s="46">
        <v>965000</v>
      </c>
      <c r="J42" s="46">
        <v>1291000</v>
      </c>
      <c r="K42" s="46">
        <v>0</v>
      </c>
      <c r="L42" s="32">
        <v>86433319</v>
      </c>
      <c r="M42" s="46">
        <v>2821000</v>
      </c>
      <c r="N42" s="47">
        <v>133294149</v>
      </c>
      <c r="O42" s="43">
        <v>33</v>
      </c>
      <c r="P42" s="52" t="s">
        <v>84</v>
      </c>
      <c r="Q42" s="45">
        <v>2496141</v>
      </c>
      <c r="R42" s="46">
        <v>666000</v>
      </c>
      <c r="S42" s="48">
        <v>12507000</v>
      </c>
      <c r="T42" s="45">
        <v>20709432</v>
      </c>
      <c r="U42" s="45">
        <v>0</v>
      </c>
      <c r="V42" s="45">
        <v>0</v>
      </c>
      <c r="W42" s="46">
        <v>0</v>
      </c>
      <c r="X42" s="46">
        <v>13457626</v>
      </c>
      <c r="Y42" s="46">
        <v>93161440</v>
      </c>
      <c r="Z42" s="45">
        <v>9016201</v>
      </c>
      <c r="AA42" s="45">
        <v>5333708</v>
      </c>
      <c r="AB42" s="45">
        <v>0</v>
      </c>
      <c r="AC42" s="47">
        <v>17486910</v>
      </c>
      <c r="AD42" s="43">
        <v>33</v>
      </c>
      <c r="AE42" s="52" t="s">
        <v>84</v>
      </c>
      <c r="AF42" s="45">
        <v>560000</v>
      </c>
      <c r="AG42" s="46">
        <v>1175840</v>
      </c>
      <c r="AH42" s="45">
        <v>14076533</v>
      </c>
      <c r="AI42" s="46">
        <v>0</v>
      </c>
      <c r="AJ42" s="46">
        <v>274089</v>
      </c>
      <c r="AK42" s="58">
        <v>499414242</v>
      </c>
      <c r="AL42" s="45">
        <v>0</v>
      </c>
      <c r="AM42" s="45">
        <v>15291888</v>
      </c>
      <c r="AN42" s="45">
        <v>0</v>
      </c>
      <c r="AO42" s="33">
        <v>514706130</v>
      </c>
      <c r="AP42" s="7"/>
      <c r="AQ42" s="7"/>
    </row>
    <row r="43" spans="1:43" s="2" customFormat="1" ht="15" customHeight="1" thickTop="1" thickBot="1" x14ac:dyDescent="0.2">
      <c r="A43" s="116" t="s">
        <v>85</v>
      </c>
      <c r="B43" s="117"/>
      <c r="C43" s="59">
        <v>210944889195</v>
      </c>
      <c r="D43" s="60">
        <v>0</v>
      </c>
      <c r="E43" s="59">
        <v>154201581682</v>
      </c>
      <c r="F43" s="60">
        <v>5931267787</v>
      </c>
      <c r="G43" s="60">
        <v>945955000</v>
      </c>
      <c r="H43" s="40">
        <v>14391946000</v>
      </c>
      <c r="I43" s="40">
        <v>5982595000</v>
      </c>
      <c r="J43" s="40">
        <v>210366000</v>
      </c>
      <c r="K43" s="40">
        <v>0</v>
      </c>
      <c r="L43" s="59">
        <v>181663711469</v>
      </c>
      <c r="M43" s="61">
        <v>14608182046</v>
      </c>
      <c r="N43" s="62">
        <v>240569887837</v>
      </c>
      <c r="O43" s="116" t="s">
        <v>85</v>
      </c>
      <c r="P43" s="117"/>
      <c r="Q43" s="60">
        <v>5931267787</v>
      </c>
      <c r="R43" s="40">
        <v>864235000</v>
      </c>
      <c r="S43" s="63">
        <v>29625074000</v>
      </c>
      <c r="T43" s="60">
        <v>14823297000</v>
      </c>
      <c r="U43" s="60">
        <v>215000000</v>
      </c>
      <c r="V43" s="60">
        <v>6957883</v>
      </c>
      <c r="W43" s="40">
        <v>0</v>
      </c>
      <c r="X43" s="40">
        <v>23725071185</v>
      </c>
      <c r="Y43" s="40">
        <v>198321422392</v>
      </c>
      <c r="Z43" s="60">
        <v>22103997042</v>
      </c>
      <c r="AA43" s="60">
        <v>14096612051</v>
      </c>
      <c r="AB43" s="60">
        <v>0</v>
      </c>
      <c r="AC43" s="41">
        <v>12553251482</v>
      </c>
      <c r="AD43" s="116" t="s">
        <v>85</v>
      </c>
      <c r="AE43" s="117"/>
      <c r="AF43" s="60">
        <v>2478175094</v>
      </c>
      <c r="AG43" s="40">
        <v>1642685169</v>
      </c>
      <c r="AH43" s="60">
        <v>35235997344</v>
      </c>
      <c r="AI43" s="40">
        <v>0</v>
      </c>
      <c r="AJ43" s="40">
        <v>2955632704</v>
      </c>
      <c r="AK43" s="64">
        <v>1012365346680</v>
      </c>
      <c r="AL43" s="60">
        <v>1094000000</v>
      </c>
      <c r="AM43" s="60">
        <v>28060243947</v>
      </c>
      <c r="AN43" s="60">
        <v>0</v>
      </c>
      <c r="AO43" s="65">
        <v>1041519590627</v>
      </c>
      <c r="AP43" s="7"/>
      <c r="AQ43" s="7"/>
    </row>
    <row r="44" spans="1:43" s="2" customFormat="1" ht="15" customHeight="1" thickTop="1" x14ac:dyDescent="0.15">
      <c r="A44" s="43">
        <v>301</v>
      </c>
      <c r="B44" s="66" t="s">
        <v>86</v>
      </c>
      <c r="C44" s="32">
        <v>2614668000</v>
      </c>
      <c r="D44" s="32">
        <v>11591343</v>
      </c>
      <c r="E44" s="32">
        <v>835838821</v>
      </c>
      <c r="F44" s="32">
        <v>3065000</v>
      </c>
      <c r="G44" s="32">
        <v>3484000</v>
      </c>
      <c r="H44" s="30">
        <v>0</v>
      </c>
      <c r="I44" s="30">
        <v>0</v>
      </c>
      <c r="J44" s="30">
        <v>10032000</v>
      </c>
      <c r="K44" s="30">
        <v>0</v>
      </c>
      <c r="L44" s="32">
        <v>864011164</v>
      </c>
      <c r="M44" s="30">
        <v>0</v>
      </c>
      <c r="N44" s="51">
        <v>0</v>
      </c>
      <c r="O44" s="43">
        <v>301</v>
      </c>
      <c r="P44" s="66" t="s">
        <v>86</v>
      </c>
      <c r="Q44" s="32">
        <v>0</v>
      </c>
      <c r="R44" s="30">
        <v>0</v>
      </c>
      <c r="S44" s="53">
        <v>0</v>
      </c>
      <c r="T44" s="32">
        <v>0</v>
      </c>
      <c r="U44" s="32">
        <v>0</v>
      </c>
      <c r="V44" s="32">
        <v>0</v>
      </c>
      <c r="W44" s="30">
        <v>0</v>
      </c>
      <c r="X44" s="30">
        <v>108775000</v>
      </c>
      <c r="Y44" s="30">
        <v>0</v>
      </c>
      <c r="Z44" s="32">
        <v>0</v>
      </c>
      <c r="AA44" s="32">
        <v>0</v>
      </c>
      <c r="AB44" s="32">
        <v>0</v>
      </c>
      <c r="AC44" s="51">
        <v>0</v>
      </c>
      <c r="AD44" s="43">
        <v>301</v>
      </c>
      <c r="AE44" s="66" t="s">
        <v>86</v>
      </c>
      <c r="AF44" s="32">
        <v>0</v>
      </c>
      <c r="AG44" s="30">
        <v>0</v>
      </c>
      <c r="AH44" s="32">
        <v>0</v>
      </c>
      <c r="AI44" s="30">
        <v>0</v>
      </c>
      <c r="AJ44" s="30">
        <v>36326636</v>
      </c>
      <c r="AK44" s="54">
        <v>3623780800</v>
      </c>
      <c r="AL44" s="32">
        <v>317785767</v>
      </c>
      <c r="AM44" s="32">
        <v>705363424</v>
      </c>
      <c r="AN44" s="32">
        <v>0</v>
      </c>
      <c r="AO44" s="67">
        <v>4646929991</v>
      </c>
      <c r="AP44" s="7"/>
      <c r="AQ44" s="7"/>
    </row>
    <row r="45" spans="1:43" s="2" customFormat="1" ht="15" customHeight="1" x14ac:dyDescent="0.15">
      <c r="A45" s="43">
        <v>302</v>
      </c>
      <c r="B45" s="68" t="s">
        <v>87</v>
      </c>
      <c r="C45" s="32">
        <v>3686780600</v>
      </c>
      <c r="D45" s="32">
        <v>13484628</v>
      </c>
      <c r="E45" s="32">
        <v>1168335722</v>
      </c>
      <c r="F45" s="32">
        <v>3943000</v>
      </c>
      <c r="G45" s="32">
        <v>2333000</v>
      </c>
      <c r="H45" s="30">
        <v>0</v>
      </c>
      <c r="I45" s="30">
        <v>0</v>
      </c>
      <c r="J45" s="30">
        <v>17215000</v>
      </c>
      <c r="K45" s="30">
        <v>0</v>
      </c>
      <c r="L45" s="32">
        <v>1205311350</v>
      </c>
      <c r="M45" s="30">
        <v>0</v>
      </c>
      <c r="N45" s="51">
        <v>0</v>
      </c>
      <c r="O45" s="43">
        <v>302</v>
      </c>
      <c r="P45" s="68" t="s">
        <v>87</v>
      </c>
      <c r="Q45" s="32">
        <v>0</v>
      </c>
      <c r="R45" s="30">
        <v>0</v>
      </c>
      <c r="S45" s="53">
        <v>0</v>
      </c>
      <c r="T45" s="32">
        <v>0</v>
      </c>
      <c r="U45" s="32">
        <v>0</v>
      </c>
      <c r="V45" s="32">
        <v>0</v>
      </c>
      <c r="W45" s="30">
        <v>0</v>
      </c>
      <c r="X45" s="30">
        <v>111736000</v>
      </c>
      <c r="Y45" s="30">
        <v>0</v>
      </c>
      <c r="Z45" s="32">
        <v>0</v>
      </c>
      <c r="AA45" s="32">
        <v>0</v>
      </c>
      <c r="AB45" s="32">
        <v>0</v>
      </c>
      <c r="AC45" s="51">
        <v>0</v>
      </c>
      <c r="AD45" s="43">
        <v>302</v>
      </c>
      <c r="AE45" s="68" t="s">
        <v>87</v>
      </c>
      <c r="AF45" s="32">
        <v>0</v>
      </c>
      <c r="AG45" s="30">
        <v>0</v>
      </c>
      <c r="AH45" s="32">
        <v>0</v>
      </c>
      <c r="AI45" s="30">
        <v>0</v>
      </c>
      <c r="AJ45" s="30">
        <v>6220187</v>
      </c>
      <c r="AK45" s="54">
        <v>5010048137</v>
      </c>
      <c r="AL45" s="32">
        <v>100000</v>
      </c>
      <c r="AM45" s="32">
        <v>268943664</v>
      </c>
      <c r="AN45" s="32">
        <v>0</v>
      </c>
      <c r="AO45" s="51">
        <v>5279091801</v>
      </c>
      <c r="AP45" s="7"/>
      <c r="AQ45" s="7"/>
    </row>
    <row r="46" spans="1:43" s="2" customFormat="1" ht="15" customHeight="1" x14ac:dyDescent="0.15">
      <c r="A46" s="43">
        <v>303</v>
      </c>
      <c r="B46" s="68" t="s">
        <v>88</v>
      </c>
      <c r="C46" s="32">
        <v>2719345600</v>
      </c>
      <c r="D46" s="32">
        <v>18895538</v>
      </c>
      <c r="E46" s="32">
        <v>2332383715</v>
      </c>
      <c r="F46" s="32">
        <v>14028000</v>
      </c>
      <c r="G46" s="32">
        <v>3109000</v>
      </c>
      <c r="H46" s="30">
        <v>0</v>
      </c>
      <c r="I46" s="30">
        <v>0</v>
      </c>
      <c r="J46" s="30">
        <v>30764000</v>
      </c>
      <c r="K46" s="30">
        <v>0</v>
      </c>
      <c r="L46" s="32">
        <v>2399180253</v>
      </c>
      <c r="M46" s="30">
        <v>0</v>
      </c>
      <c r="N46" s="51">
        <v>490210287</v>
      </c>
      <c r="O46" s="43">
        <v>303</v>
      </c>
      <c r="P46" s="68" t="s">
        <v>88</v>
      </c>
      <c r="Q46" s="32">
        <v>0</v>
      </c>
      <c r="R46" s="30">
        <v>0</v>
      </c>
      <c r="S46" s="53">
        <v>0</v>
      </c>
      <c r="T46" s="32">
        <v>0</v>
      </c>
      <c r="U46" s="32">
        <v>0</v>
      </c>
      <c r="V46" s="32">
        <v>3958000</v>
      </c>
      <c r="W46" s="30">
        <v>0</v>
      </c>
      <c r="X46" s="30">
        <v>140271000</v>
      </c>
      <c r="Y46" s="30">
        <v>0</v>
      </c>
      <c r="Z46" s="32">
        <v>0</v>
      </c>
      <c r="AA46" s="32">
        <v>0</v>
      </c>
      <c r="AB46" s="32">
        <v>0</v>
      </c>
      <c r="AC46" s="51">
        <v>0</v>
      </c>
      <c r="AD46" s="43">
        <v>303</v>
      </c>
      <c r="AE46" s="68" t="s">
        <v>88</v>
      </c>
      <c r="AF46" s="32">
        <v>0</v>
      </c>
      <c r="AG46" s="30">
        <v>0</v>
      </c>
      <c r="AH46" s="32">
        <v>0</v>
      </c>
      <c r="AI46" s="30">
        <v>0</v>
      </c>
      <c r="AJ46" s="30">
        <v>9866308</v>
      </c>
      <c r="AK46" s="54">
        <v>5762831448</v>
      </c>
      <c r="AL46" s="32">
        <v>406000000</v>
      </c>
      <c r="AM46" s="32">
        <v>8284616</v>
      </c>
      <c r="AN46" s="32">
        <v>0</v>
      </c>
      <c r="AO46" s="51">
        <v>6177116064</v>
      </c>
      <c r="AP46" s="7"/>
      <c r="AQ46" s="7"/>
    </row>
    <row r="47" spans="1:43" s="2" customFormat="1" ht="15" customHeight="1" x14ac:dyDescent="0.15">
      <c r="A47" s="43">
        <v>304</v>
      </c>
      <c r="B47" s="68" t="s">
        <v>89</v>
      </c>
      <c r="C47" s="32">
        <v>1096682000</v>
      </c>
      <c r="D47" s="32">
        <v>5128204</v>
      </c>
      <c r="E47" s="32">
        <v>229844173</v>
      </c>
      <c r="F47" s="32">
        <v>1442000</v>
      </c>
      <c r="G47" s="32">
        <v>476000</v>
      </c>
      <c r="H47" s="30">
        <v>0</v>
      </c>
      <c r="I47" s="30">
        <v>0</v>
      </c>
      <c r="J47" s="30">
        <v>9990000</v>
      </c>
      <c r="K47" s="30">
        <v>0</v>
      </c>
      <c r="L47" s="32">
        <v>246880377</v>
      </c>
      <c r="M47" s="30">
        <v>0</v>
      </c>
      <c r="N47" s="51">
        <v>0</v>
      </c>
      <c r="O47" s="43">
        <v>304</v>
      </c>
      <c r="P47" s="68" t="s">
        <v>89</v>
      </c>
      <c r="Q47" s="32">
        <v>0</v>
      </c>
      <c r="R47" s="30">
        <v>0</v>
      </c>
      <c r="S47" s="53">
        <v>0</v>
      </c>
      <c r="T47" s="32">
        <v>0</v>
      </c>
      <c r="U47" s="32">
        <v>0</v>
      </c>
      <c r="V47" s="32">
        <v>0</v>
      </c>
      <c r="W47" s="30">
        <v>0</v>
      </c>
      <c r="X47" s="30">
        <v>23958000</v>
      </c>
      <c r="Y47" s="30">
        <v>0</v>
      </c>
      <c r="Z47" s="32">
        <v>0</v>
      </c>
      <c r="AA47" s="32">
        <v>0</v>
      </c>
      <c r="AB47" s="32">
        <v>0</v>
      </c>
      <c r="AC47" s="51">
        <v>0</v>
      </c>
      <c r="AD47" s="43">
        <v>304</v>
      </c>
      <c r="AE47" s="68" t="s">
        <v>89</v>
      </c>
      <c r="AF47" s="32">
        <v>0</v>
      </c>
      <c r="AG47" s="30">
        <v>0</v>
      </c>
      <c r="AH47" s="32">
        <v>0</v>
      </c>
      <c r="AI47" s="30">
        <v>0</v>
      </c>
      <c r="AJ47" s="30">
        <v>4237489</v>
      </c>
      <c r="AK47" s="54">
        <v>1371757866</v>
      </c>
      <c r="AL47" s="32">
        <v>0</v>
      </c>
      <c r="AM47" s="32">
        <v>213840716</v>
      </c>
      <c r="AN47" s="32">
        <v>0</v>
      </c>
      <c r="AO47" s="51">
        <v>1585598582</v>
      </c>
      <c r="AP47" s="7"/>
      <c r="AQ47" s="7"/>
    </row>
    <row r="48" spans="1:43" s="2" customFormat="1" ht="15" customHeight="1" x14ac:dyDescent="0.15">
      <c r="A48" s="43">
        <v>305</v>
      </c>
      <c r="B48" s="68" t="s">
        <v>90</v>
      </c>
      <c r="C48" s="32">
        <v>1609242300</v>
      </c>
      <c r="D48" s="32">
        <v>11081888</v>
      </c>
      <c r="E48" s="32">
        <v>1050684377</v>
      </c>
      <c r="F48" s="32">
        <v>8656000</v>
      </c>
      <c r="G48" s="32">
        <v>1743000</v>
      </c>
      <c r="H48" s="30">
        <v>0</v>
      </c>
      <c r="I48" s="30">
        <v>0</v>
      </c>
      <c r="J48" s="30">
        <v>19724000</v>
      </c>
      <c r="K48" s="30">
        <v>0</v>
      </c>
      <c r="L48" s="32">
        <v>1091889265</v>
      </c>
      <c r="M48" s="30">
        <v>0</v>
      </c>
      <c r="N48" s="51">
        <v>0</v>
      </c>
      <c r="O48" s="43">
        <v>305</v>
      </c>
      <c r="P48" s="68" t="s">
        <v>90</v>
      </c>
      <c r="Q48" s="32">
        <v>0</v>
      </c>
      <c r="R48" s="30">
        <v>0</v>
      </c>
      <c r="S48" s="53">
        <v>0</v>
      </c>
      <c r="T48" s="32">
        <v>0</v>
      </c>
      <c r="U48" s="32">
        <v>0</v>
      </c>
      <c r="V48" s="32">
        <v>2204000</v>
      </c>
      <c r="W48" s="30">
        <v>0</v>
      </c>
      <c r="X48" s="30">
        <v>47654000</v>
      </c>
      <c r="Y48" s="30">
        <v>0</v>
      </c>
      <c r="Z48" s="32">
        <v>0</v>
      </c>
      <c r="AA48" s="32">
        <v>0</v>
      </c>
      <c r="AB48" s="32">
        <v>0</v>
      </c>
      <c r="AC48" s="51">
        <v>0</v>
      </c>
      <c r="AD48" s="43">
        <v>305</v>
      </c>
      <c r="AE48" s="68" t="s">
        <v>90</v>
      </c>
      <c r="AF48" s="32">
        <v>0</v>
      </c>
      <c r="AG48" s="30">
        <v>0</v>
      </c>
      <c r="AH48" s="32">
        <v>0</v>
      </c>
      <c r="AI48" s="30">
        <v>0</v>
      </c>
      <c r="AJ48" s="30">
        <v>11425380</v>
      </c>
      <c r="AK48" s="54">
        <v>2762414945</v>
      </c>
      <c r="AL48" s="32">
        <v>0</v>
      </c>
      <c r="AM48" s="32">
        <v>439617037</v>
      </c>
      <c r="AN48" s="32">
        <v>0</v>
      </c>
      <c r="AO48" s="51">
        <v>3202031982</v>
      </c>
      <c r="AP48" s="7"/>
      <c r="AQ48" s="7"/>
    </row>
    <row r="49" spans="1:194" s="2" customFormat="1" ht="15" customHeight="1" thickBot="1" x14ac:dyDescent="0.2">
      <c r="A49" s="55">
        <v>306</v>
      </c>
      <c r="B49" s="69" t="s">
        <v>91</v>
      </c>
      <c r="C49" s="34">
        <v>12531583700</v>
      </c>
      <c r="D49" s="34">
        <v>79331466</v>
      </c>
      <c r="E49" s="34">
        <v>11331992555</v>
      </c>
      <c r="F49" s="34">
        <v>104124000</v>
      </c>
      <c r="G49" s="34">
        <v>21161000</v>
      </c>
      <c r="H49" s="35">
        <v>0</v>
      </c>
      <c r="I49" s="35">
        <v>0</v>
      </c>
      <c r="J49" s="35">
        <v>105359000</v>
      </c>
      <c r="K49" s="35">
        <v>0</v>
      </c>
      <c r="L49" s="34">
        <v>11641968021</v>
      </c>
      <c r="M49" s="35">
        <v>0</v>
      </c>
      <c r="N49" s="36">
        <v>0</v>
      </c>
      <c r="O49" s="55">
        <v>306</v>
      </c>
      <c r="P49" s="69" t="s">
        <v>92</v>
      </c>
      <c r="Q49" s="34">
        <v>0</v>
      </c>
      <c r="R49" s="35">
        <v>0</v>
      </c>
      <c r="S49" s="37">
        <v>0</v>
      </c>
      <c r="T49" s="34">
        <v>0</v>
      </c>
      <c r="U49" s="34">
        <v>0</v>
      </c>
      <c r="V49" s="34">
        <v>26043000</v>
      </c>
      <c r="W49" s="35">
        <v>0</v>
      </c>
      <c r="X49" s="35">
        <v>578603000</v>
      </c>
      <c r="Y49" s="35">
        <v>0</v>
      </c>
      <c r="Z49" s="34">
        <v>0</v>
      </c>
      <c r="AA49" s="34">
        <v>0</v>
      </c>
      <c r="AB49" s="34">
        <v>0</v>
      </c>
      <c r="AC49" s="36">
        <v>0</v>
      </c>
      <c r="AD49" s="55">
        <v>306</v>
      </c>
      <c r="AE49" s="69" t="s">
        <v>91</v>
      </c>
      <c r="AF49" s="34">
        <v>0</v>
      </c>
      <c r="AG49" s="35">
        <v>0</v>
      </c>
      <c r="AH49" s="34">
        <v>0</v>
      </c>
      <c r="AI49" s="35">
        <v>0</v>
      </c>
      <c r="AJ49" s="35">
        <v>53395981</v>
      </c>
      <c r="AK49" s="39">
        <v>24831593702</v>
      </c>
      <c r="AL49" s="34">
        <v>618490666</v>
      </c>
      <c r="AM49" s="34">
        <v>331639679</v>
      </c>
      <c r="AN49" s="34">
        <v>0</v>
      </c>
      <c r="AO49" s="33">
        <v>25781724047</v>
      </c>
      <c r="AP49" s="7"/>
      <c r="AQ49" s="7"/>
    </row>
    <row r="50" spans="1:194" s="2" customFormat="1" ht="15" customHeight="1" thickTop="1" thickBot="1" x14ac:dyDescent="0.2">
      <c r="A50" s="112" t="s">
        <v>93</v>
      </c>
      <c r="B50" s="113"/>
      <c r="C50" s="70">
        <v>24258302200</v>
      </c>
      <c r="D50" s="70">
        <v>139513067</v>
      </c>
      <c r="E50" s="70">
        <v>16949079363</v>
      </c>
      <c r="F50" s="70">
        <v>135258000</v>
      </c>
      <c r="G50" s="70">
        <v>32306000</v>
      </c>
      <c r="H50" s="71">
        <v>0</v>
      </c>
      <c r="I50" s="71">
        <v>0</v>
      </c>
      <c r="J50" s="71">
        <v>193084000</v>
      </c>
      <c r="K50" s="71">
        <v>0</v>
      </c>
      <c r="L50" s="70">
        <v>17449240430</v>
      </c>
      <c r="M50" s="71">
        <v>0</v>
      </c>
      <c r="N50" s="72">
        <v>490210287</v>
      </c>
      <c r="O50" s="112" t="s">
        <v>93</v>
      </c>
      <c r="P50" s="113"/>
      <c r="Q50" s="70">
        <v>0</v>
      </c>
      <c r="R50" s="71">
        <v>0</v>
      </c>
      <c r="S50" s="73">
        <v>0</v>
      </c>
      <c r="T50" s="70">
        <v>0</v>
      </c>
      <c r="U50" s="70">
        <v>0</v>
      </c>
      <c r="V50" s="70">
        <v>32205000</v>
      </c>
      <c r="W50" s="71">
        <v>0</v>
      </c>
      <c r="X50" s="71">
        <v>1010997000</v>
      </c>
      <c r="Y50" s="71">
        <v>0</v>
      </c>
      <c r="Z50" s="70">
        <v>0</v>
      </c>
      <c r="AA50" s="70">
        <v>0</v>
      </c>
      <c r="AB50" s="70">
        <v>0</v>
      </c>
      <c r="AC50" s="72">
        <v>0</v>
      </c>
      <c r="AD50" s="112" t="s">
        <v>93</v>
      </c>
      <c r="AE50" s="113"/>
      <c r="AF50" s="70">
        <v>0</v>
      </c>
      <c r="AG50" s="71">
        <v>0</v>
      </c>
      <c r="AH50" s="70">
        <v>0</v>
      </c>
      <c r="AI50" s="71">
        <v>0</v>
      </c>
      <c r="AJ50" s="71">
        <v>121471981</v>
      </c>
      <c r="AK50" s="74">
        <v>43362426898</v>
      </c>
      <c r="AL50" s="70">
        <v>1342376433</v>
      </c>
      <c r="AM50" s="70">
        <v>1967689136</v>
      </c>
      <c r="AN50" s="70">
        <v>0</v>
      </c>
      <c r="AO50" s="72">
        <v>46672492467</v>
      </c>
      <c r="AP50" s="7"/>
      <c r="AQ50" s="7"/>
    </row>
    <row r="51" spans="1:194" x14ac:dyDescent="0.15">
      <c r="C51" s="75"/>
      <c r="D51" s="75"/>
      <c r="E51" s="75"/>
      <c r="F51" s="75"/>
      <c r="G51" s="75"/>
      <c r="H51" s="75"/>
      <c r="I51" s="75"/>
      <c r="J51" s="75"/>
      <c r="K51" s="75"/>
      <c r="L51" s="75"/>
      <c r="M51" s="75"/>
      <c r="N51" s="75"/>
      <c r="O51" s="75"/>
      <c r="P51" s="75"/>
      <c r="Q51" s="75"/>
      <c r="R51" s="75"/>
      <c r="S51" s="75"/>
      <c r="T51" s="75"/>
      <c r="U51" s="75"/>
      <c r="V51" s="75"/>
      <c r="W51" s="75"/>
      <c r="X51" s="75"/>
      <c r="Y51" s="75"/>
      <c r="Z51" s="75"/>
      <c r="AA51" s="75"/>
      <c r="AB51" s="75"/>
      <c r="AC51" s="75"/>
      <c r="AD51" s="75"/>
      <c r="AE51" s="75"/>
      <c r="AF51" s="75"/>
      <c r="AG51" s="75"/>
      <c r="AH51" s="75"/>
      <c r="AI51" s="75"/>
      <c r="AJ51" s="75"/>
      <c r="AK51" s="75"/>
      <c r="AL51" s="75"/>
      <c r="AM51" s="75"/>
      <c r="AN51" s="75"/>
      <c r="AO51" s="75"/>
    </row>
    <row r="52" spans="1:194" x14ac:dyDescent="0.15">
      <c r="C52" s="75"/>
      <c r="D52" s="75"/>
      <c r="E52" s="75"/>
      <c r="F52" s="75"/>
      <c r="G52" s="75"/>
      <c r="H52" s="75"/>
      <c r="I52" s="75"/>
      <c r="J52" s="75"/>
      <c r="K52" s="75"/>
      <c r="L52" s="75"/>
      <c r="M52" s="75"/>
      <c r="N52" s="75"/>
      <c r="O52" s="75"/>
      <c r="P52" s="75"/>
      <c r="Q52" s="75"/>
      <c r="R52" s="75"/>
      <c r="S52" s="75"/>
      <c r="T52" s="75"/>
      <c r="U52" s="75"/>
      <c r="V52" s="75"/>
      <c r="W52" s="75"/>
      <c r="X52" s="75"/>
      <c r="Y52" s="75"/>
      <c r="Z52" s="75"/>
      <c r="AA52" s="75"/>
      <c r="AB52" s="75"/>
      <c r="AC52" s="75"/>
      <c r="AD52" s="75"/>
      <c r="AE52" s="75"/>
      <c r="AF52" s="75"/>
      <c r="AG52" s="75"/>
      <c r="AH52" s="75"/>
      <c r="AI52" s="75"/>
      <c r="AJ52" s="75"/>
      <c r="AK52" s="75"/>
      <c r="AL52" s="75"/>
      <c r="AM52" s="75"/>
      <c r="AN52" s="75"/>
      <c r="AO52" s="75"/>
    </row>
    <row r="53" spans="1:194" s="77" customFormat="1" x14ac:dyDescent="0.15">
      <c r="A53" s="76"/>
      <c r="B53" s="76"/>
      <c r="C53" s="75"/>
      <c r="D53" s="75"/>
      <c r="E53" s="75"/>
      <c r="F53" s="75"/>
      <c r="G53" s="75"/>
      <c r="H53" s="75"/>
      <c r="I53" s="75"/>
      <c r="J53" s="75"/>
      <c r="K53" s="75"/>
      <c r="L53" s="75"/>
      <c r="M53" s="75"/>
      <c r="N53" s="75"/>
      <c r="O53" s="75"/>
      <c r="P53" s="75"/>
      <c r="Q53" s="75"/>
      <c r="R53" s="75"/>
      <c r="S53" s="75"/>
      <c r="T53" s="75"/>
      <c r="U53" s="75"/>
      <c r="V53" s="75"/>
      <c r="W53" s="75"/>
      <c r="X53" s="75"/>
      <c r="Y53" s="75"/>
      <c r="Z53" s="75"/>
      <c r="AA53" s="75"/>
      <c r="AB53" s="75"/>
      <c r="AC53" s="75"/>
      <c r="AD53" s="75"/>
      <c r="AE53" s="75"/>
      <c r="AF53" s="75"/>
      <c r="AG53" s="75"/>
      <c r="AH53" s="75"/>
      <c r="AI53" s="75"/>
      <c r="AJ53" s="75"/>
      <c r="AK53" s="75"/>
      <c r="AL53" s="75"/>
      <c r="AM53" s="75"/>
      <c r="AN53" s="75"/>
      <c r="AO53" s="75"/>
      <c r="AR53" s="76"/>
      <c r="AS53" s="76"/>
      <c r="AT53" s="76"/>
      <c r="AU53" s="76"/>
      <c r="AV53" s="76"/>
      <c r="AW53" s="76"/>
      <c r="AX53" s="76"/>
      <c r="AY53" s="76"/>
      <c r="AZ53" s="76"/>
      <c r="BA53" s="76"/>
      <c r="BB53" s="76"/>
      <c r="BC53" s="76"/>
      <c r="BD53" s="76"/>
      <c r="BE53" s="76"/>
      <c r="BF53" s="76"/>
      <c r="BG53" s="76"/>
      <c r="BH53" s="76"/>
      <c r="BI53" s="76"/>
      <c r="BJ53" s="76"/>
      <c r="BK53" s="76"/>
      <c r="BL53" s="76"/>
      <c r="BM53" s="76"/>
      <c r="BN53" s="76"/>
      <c r="BO53" s="76"/>
      <c r="BP53" s="76"/>
      <c r="BQ53" s="76"/>
      <c r="BR53" s="76"/>
      <c r="BS53" s="76"/>
      <c r="BT53" s="76"/>
      <c r="BU53" s="76"/>
      <c r="BV53" s="76"/>
      <c r="BW53" s="76"/>
      <c r="BX53" s="76"/>
      <c r="BY53" s="76"/>
      <c r="BZ53" s="76"/>
      <c r="CA53" s="76"/>
      <c r="CB53" s="76"/>
      <c r="CC53" s="76"/>
      <c r="CD53" s="76"/>
      <c r="CE53" s="76"/>
      <c r="CF53" s="76"/>
      <c r="CG53" s="76"/>
      <c r="CH53" s="76"/>
      <c r="CI53" s="76"/>
      <c r="CJ53" s="76"/>
      <c r="CK53" s="76"/>
      <c r="CL53" s="76"/>
      <c r="CM53" s="76"/>
      <c r="CN53" s="76"/>
      <c r="CO53" s="76"/>
      <c r="CP53" s="76"/>
      <c r="CQ53" s="76"/>
      <c r="CR53" s="76"/>
      <c r="CS53" s="76"/>
      <c r="CT53" s="76"/>
      <c r="CU53" s="76"/>
      <c r="CV53" s="76"/>
      <c r="CW53" s="76"/>
      <c r="CX53" s="76"/>
      <c r="CY53" s="76"/>
      <c r="CZ53" s="76"/>
      <c r="DA53" s="76"/>
      <c r="DB53" s="76"/>
      <c r="DC53" s="76"/>
      <c r="DD53" s="76"/>
      <c r="DE53" s="76"/>
      <c r="DF53" s="76"/>
      <c r="DG53" s="76"/>
      <c r="DH53" s="76"/>
      <c r="DI53" s="76"/>
      <c r="DJ53" s="76"/>
      <c r="DK53" s="76"/>
      <c r="DL53" s="76"/>
      <c r="DM53" s="76"/>
      <c r="DN53" s="76"/>
      <c r="DO53" s="76"/>
      <c r="DP53" s="76"/>
      <c r="DQ53" s="76"/>
      <c r="DR53" s="76"/>
      <c r="DS53" s="76"/>
      <c r="DT53" s="76"/>
      <c r="DU53" s="76"/>
      <c r="DV53" s="76"/>
      <c r="DW53" s="76"/>
      <c r="DX53" s="76"/>
      <c r="DY53" s="76"/>
      <c r="DZ53" s="76"/>
      <c r="EA53" s="76"/>
      <c r="EB53" s="76"/>
      <c r="EC53" s="76"/>
      <c r="ED53" s="76"/>
      <c r="EE53" s="76"/>
      <c r="EF53" s="76"/>
      <c r="EG53" s="76"/>
      <c r="EH53" s="76"/>
      <c r="EI53" s="76"/>
      <c r="EJ53" s="76"/>
      <c r="EK53" s="76"/>
      <c r="EL53" s="76"/>
      <c r="EM53" s="76"/>
      <c r="EN53" s="76"/>
      <c r="EO53" s="76"/>
      <c r="EP53" s="76"/>
      <c r="EQ53" s="76"/>
      <c r="ER53" s="76"/>
      <c r="ES53" s="76"/>
      <c r="ET53" s="76"/>
      <c r="EU53" s="76"/>
      <c r="EV53" s="76"/>
      <c r="EW53" s="76"/>
      <c r="EX53" s="76"/>
      <c r="EY53" s="76"/>
      <c r="EZ53" s="76"/>
      <c r="FA53" s="76"/>
      <c r="FB53" s="76"/>
      <c r="FC53" s="76"/>
      <c r="FD53" s="76"/>
      <c r="FE53" s="76"/>
      <c r="FF53" s="76"/>
      <c r="FG53" s="76"/>
      <c r="FH53" s="76"/>
      <c r="FI53" s="76"/>
      <c r="FJ53" s="76"/>
      <c r="FK53" s="76"/>
      <c r="FL53" s="76"/>
      <c r="FM53" s="76"/>
      <c r="FN53" s="76"/>
      <c r="FO53" s="76"/>
      <c r="FP53" s="76"/>
      <c r="FQ53" s="76"/>
      <c r="FR53" s="76"/>
      <c r="FS53" s="76"/>
      <c r="FT53" s="76"/>
      <c r="FU53" s="76"/>
      <c r="FV53" s="76"/>
      <c r="FW53" s="76"/>
      <c r="FX53" s="76"/>
      <c r="FY53" s="76"/>
      <c r="FZ53" s="76"/>
      <c r="GA53" s="76"/>
      <c r="GB53" s="76"/>
      <c r="GC53" s="76"/>
      <c r="GD53" s="76"/>
      <c r="GE53" s="76"/>
      <c r="GF53" s="76"/>
      <c r="GG53" s="76"/>
      <c r="GH53" s="76"/>
      <c r="GI53" s="76"/>
      <c r="GJ53" s="76"/>
      <c r="GK53" s="76"/>
      <c r="GL53" s="76"/>
    </row>
    <row r="54" spans="1:194" s="77" customFormat="1" x14ac:dyDescent="0.15">
      <c r="A54" s="76"/>
      <c r="B54" s="76"/>
      <c r="C54" s="75"/>
      <c r="D54" s="75"/>
      <c r="E54" s="75"/>
      <c r="F54" s="75"/>
      <c r="G54" s="75"/>
      <c r="H54" s="75"/>
      <c r="I54" s="75"/>
      <c r="J54" s="75"/>
      <c r="K54" s="75"/>
      <c r="L54" s="75"/>
      <c r="M54" s="75"/>
      <c r="N54" s="75"/>
      <c r="O54" s="75"/>
      <c r="P54" s="75"/>
      <c r="Q54" s="75"/>
      <c r="R54" s="75"/>
      <c r="S54" s="75"/>
      <c r="T54" s="75"/>
      <c r="U54" s="75"/>
      <c r="V54" s="75"/>
      <c r="W54" s="75"/>
      <c r="X54" s="75"/>
      <c r="Y54" s="75"/>
      <c r="Z54" s="75"/>
      <c r="AA54" s="75"/>
      <c r="AB54" s="75"/>
      <c r="AC54" s="75"/>
      <c r="AD54" s="75"/>
      <c r="AE54" s="75"/>
      <c r="AF54" s="75"/>
      <c r="AG54" s="75"/>
      <c r="AH54" s="75"/>
      <c r="AI54" s="75"/>
      <c r="AJ54" s="75"/>
      <c r="AK54" s="75"/>
      <c r="AL54" s="75"/>
      <c r="AM54" s="75"/>
      <c r="AN54" s="75"/>
      <c r="AO54" s="75"/>
      <c r="AR54" s="76"/>
      <c r="AS54" s="76"/>
      <c r="AT54" s="76"/>
      <c r="AU54" s="76"/>
      <c r="AV54" s="76"/>
      <c r="AW54" s="76"/>
      <c r="AX54" s="76"/>
      <c r="AY54" s="76"/>
      <c r="AZ54" s="76"/>
      <c r="BA54" s="76"/>
      <c r="BB54" s="76"/>
      <c r="BC54" s="76"/>
      <c r="BD54" s="76"/>
      <c r="BE54" s="76"/>
      <c r="BF54" s="76"/>
      <c r="BG54" s="76"/>
      <c r="BH54" s="76"/>
      <c r="BI54" s="76"/>
      <c r="BJ54" s="76"/>
      <c r="BK54" s="76"/>
      <c r="BL54" s="76"/>
      <c r="BM54" s="76"/>
      <c r="BN54" s="76"/>
      <c r="BO54" s="76"/>
      <c r="BP54" s="76"/>
      <c r="BQ54" s="76"/>
      <c r="BR54" s="76"/>
      <c r="BS54" s="76"/>
      <c r="BT54" s="76"/>
      <c r="BU54" s="76"/>
      <c r="BV54" s="76"/>
      <c r="BW54" s="76"/>
      <c r="BX54" s="76"/>
      <c r="BY54" s="76"/>
      <c r="BZ54" s="76"/>
      <c r="CA54" s="76"/>
      <c r="CB54" s="76"/>
      <c r="CC54" s="76"/>
      <c r="CD54" s="76"/>
      <c r="CE54" s="76"/>
      <c r="CF54" s="76"/>
      <c r="CG54" s="76"/>
      <c r="CH54" s="76"/>
      <c r="CI54" s="76"/>
      <c r="CJ54" s="76"/>
      <c r="CK54" s="76"/>
      <c r="CL54" s="76"/>
      <c r="CM54" s="76"/>
      <c r="CN54" s="76"/>
      <c r="CO54" s="76"/>
      <c r="CP54" s="76"/>
      <c r="CQ54" s="76"/>
      <c r="CR54" s="76"/>
      <c r="CS54" s="76"/>
      <c r="CT54" s="76"/>
      <c r="CU54" s="76"/>
      <c r="CV54" s="76"/>
      <c r="CW54" s="76"/>
      <c r="CX54" s="76"/>
      <c r="CY54" s="76"/>
      <c r="CZ54" s="76"/>
      <c r="DA54" s="76"/>
      <c r="DB54" s="76"/>
      <c r="DC54" s="76"/>
      <c r="DD54" s="76"/>
      <c r="DE54" s="76"/>
      <c r="DF54" s="76"/>
      <c r="DG54" s="76"/>
      <c r="DH54" s="76"/>
      <c r="DI54" s="76"/>
      <c r="DJ54" s="76"/>
      <c r="DK54" s="76"/>
      <c r="DL54" s="76"/>
      <c r="DM54" s="76"/>
      <c r="DN54" s="76"/>
      <c r="DO54" s="76"/>
      <c r="DP54" s="76"/>
      <c r="DQ54" s="76"/>
      <c r="DR54" s="76"/>
      <c r="DS54" s="76"/>
      <c r="DT54" s="76"/>
      <c r="DU54" s="76"/>
      <c r="DV54" s="76"/>
      <c r="DW54" s="76"/>
      <c r="DX54" s="76"/>
      <c r="DY54" s="76"/>
      <c r="DZ54" s="76"/>
      <c r="EA54" s="76"/>
      <c r="EB54" s="76"/>
      <c r="EC54" s="76"/>
      <c r="ED54" s="76"/>
      <c r="EE54" s="76"/>
      <c r="EF54" s="76"/>
      <c r="EG54" s="76"/>
      <c r="EH54" s="76"/>
      <c r="EI54" s="76"/>
      <c r="EJ54" s="76"/>
      <c r="EK54" s="76"/>
      <c r="EL54" s="76"/>
      <c r="EM54" s="76"/>
      <c r="EN54" s="76"/>
      <c r="EO54" s="76"/>
      <c r="EP54" s="76"/>
      <c r="EQ54" s="76"/>
      <c r="ER54" s="76"/>
      <c r="ES54" s="76"/>
      <c r="ET54" s="76"/>
      <c r="EU54" s="76"/>
      <c r="EV54" s="76"/>
      <c r="EW54" s="76"/>
      <c r="EX54" s="76"/>
      <c r="EY54" s="76"/>
      <c r="EZ54" s="76"/>
      <c r="FA54" s="76"/>
      <c r="FB54" s="76"/>
      <c r="FC54" s="76"/>
      <c r="FD54" s="76"/>
      <c r="FE54" s="76"/>
      <c r="FF54" s="76"/>
      <c r="FG54" s="76"/>
      <c r="FH54" s="76"/>
      <c r="FI54" s="76"/>
      <c r="FJ54" s="76"/>
      <c r="FK54" s="76"/>
      <c r="FL54" s="76"/>
      <c r="FM54" s="76"/>
      <c r="FN54" s="76"/>
      <c r="FO54" s="76"/>
      <c r="FP54" s="76"/>
      <c r="FQ54" s="76"/>
      <c r="FR54" s="76"/>
      <c r="FS54" s="76"/>
      <c r="FT54" s="76"/>
      <c r="FU54" s="76"/>
      <c r="FV54" s="76"/>
      <c r="FW54" s="76"/>
      <c r="FX54" s="76"/>
      <c r="FY54" s="76"/>
      <c r="FZ54" s="76"/>
      <c r="GA54" s="76"/>
      <c r="GB54" s="76"/>
      <c r="GC54" s="76"/>
      <c r="GD54" s="76"/>
      <c r="GE54" s="76"/>
      <c r="GF54" s="76"/>
      <c r="GG54" s="76"/>
      <c r="GH54" s="76"/>
      <c r="GI54" s="76"/>
      <c r="GJ54" s="76"/>
      <c r="GK54" s="76"/>
      <c r="GL54" s="76"/>
    </row>
    <row r="55" spans="1:194" s="77" customFormat="1" x14ac:dyDescent="0.15">
      <c r="A55" s="76"/>
      <c r="B55" s="76"/>
      <c r="C55" s="76"/>
      <c r="D55" s="76"/>
      <c r="E55" s="76"/>
      <c r="F55" s="76"/>
      <c r="G55" s="76"/>
      <c r="H55" s="76"/>
      <c r="I55" s="76"/>
      <c r="J55" s="76"/>
      <c r="K55" s="76"/>
      <c r="L55" s="76"/>
      <c r="M55" s="76"/>
      <c r="N55" s="76"/>
      <c r="O55" s="76"/>
      <c r="P55" s="76"/>
      <c r="Q55" s="76"/>
      <c r="R55" s="76"/>
      <c r="S55" s="76"/>
      <c r="T55" s="76"/>
      <c r="U55" s="76"/>
      <c r="V55" s="76"/>
      <c r="W55" s="76"/>
      <c r="X55" s="76"/>
      <c r="Y55" s="76"/>
      <c r="Z55" s="75"/>
      <c r="AA55" s="75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R55" s="76"/>
      <c r="AS55" s="76"/>
      <c r="AT55" s="76"/>
      <c r="AU55" s="76"/>
      <c r="AV55" s="76"/>
      <c r="AW55" s="76"/>
      <c r="AX55" s="76"/>
      <c r="AY55" s="76"/>
      <c r="AZ55" s="76"/>
      <c r="BA55" s="76"/>
      <c r="BB55" s="76"/>
      <c r="BC55" s="76"/>
      <c r="BD55" s="76"/>
      <c r="BE55" s="76"/>
      <c r="BF55" s="76"/>
      <c r="BG55" s="76"/>
      <c r="BH55" s="76"/>
      <c r="BI55" s="76"/>
      <c r="BJ55" s="76"/>
      <c r="BK55" s="76"/>
      <c r="BL55" s="76"/>
      <c r="BM55" s="76"/>
      <c r="BN55" s="76"/>
      <c r="BO55" s="76"/>
      <c r="BP55" s="76"/>
      <c r="BQ55" s="76"/>
      <c r="BR55" s="76"/>
      <c r="BS55" s="76"/>
      <c r="BT55" s="76"/>
      <c r="BU55" s="76"/>
      <c r="BV55" s="76"/>
      <c r="BW55" s="76"/>
      <c r="BX55" s="76"/>
      <c r="BY55" s="76"/>
      <c r="BZ55" s="76"/>
      <c r="CA55" s="76"/>
      <c r="CB55" s="76"/>
      <c r="CC55" s="76"/>
      <c r="CD55" s="76"/>
      <c r="CE55" s="76"/>
      <c r="CF55" s="76"/>
      <c r="CG55" s="76"/>
      <c r="CH55" s="76"/>
      <c r="CI55" s="76"/>
      <c r="CJ55" s="76"/>
      <c r="CK55" s="76"/>
      <c r="CL55" s="76"/>
      <c r="CM55" s="76"/>
      <c r="CN55" s="76"/>
      <c r="CO55" s="76"/>
      <c r="CP55" s="76"/>
      <c r="CQ55" s="76"/>
      <c r="CR55" s="76"/>
      <c r="CS55" s="76"/>
      <c r="CT55" s="76"/>
      <c r="CU55" s="76"/>
      <c r="CV55" s="76"/>
      <c r="CW55" s="76"/>
      <c r="CX55" s="76"/>
      <c r="CY55" s="76"/>
      <c r="CZ55" s="76"/>
      <c r="DA55" s="76"/>
      <c r="DB55" s="76"/>
      <c r="DC55" s="76"/>
      <c r="DD55" s="76"/>
      <c r="DE55" s="76"/>
      <c r="DF55" s="76"/>
      <c r="DG55" s="76"/>
      <c r="DH55" s="76"/>
      <c r="DI55" s="76"/>
      <c r="DJ55" s="76"/>
      <c r="DK55" s="76"/>
      <c r="DL55" s="76"/>
      <c r="DM55" s="76"/>
      <c r="DN55" s="76"/>
      <c r="DO55" s="76"/>
      <c r="DP55" s="76"/>
      <c r="DQ55" s="76"/>
      <c r="DR55" s="76"/>
      <c r="DS55" s="76"/>
      <c r="DT55" s="76"/>
      <c r="DU55" s="76"/>
      <c r="DV55" s="76"/>
      <c r="DW55" s="76"/>
      <c r="DX55" s="76"/>
      <c r="DY55" s="76"/>
      <c r="DZ55" s="76"/>
      <c r="EA55" s="76"/>
      <c r="EB55" s="76"/>
      <c r="EC55" s="76"/>
      <c r="ED55" s="76"/>
      <c r="EE55" s="76"/>
      <c r="EF55" s="76"/>
      <c r="EG55" s="76"/>
      <c r="EH55" s="76"/>
      <c r="EI55" s="76"/>
      <c r="EJ55" s="76"/>
      <c r="EK55" s="76"/>
      <c r="EL55" s="76"/>
      <c r="EM55" s="76"/>
      <c r="EN55" s="76"/>
      <c r="EO55" s="76"/>
      <c r="EP55" s="76"/>
      <c r="EQ55" s="76"/>
      <c r="ER55" s="76"/>
      <c r="ES55" s="76"/>
      <c r="ET55" s="76"/>
      <c r="EU55" s="76"/>
      <c r="EV55" s="76"/>
      <c r="EW55" s="76"/>
      <c r="EX55" s="76"/>
      <c r="EY55" s="76"/>
      <c r="EZ55" s="76"/>
      <c r="FA55" s="76"/>
      <c r="FB55" s="76"/>
      <c r="FC55" s="76"/>
      <c r="FD55" s="76"/>
      <c r="FE55" s="76"/>
      <c r="FF55" s="76"/>
      <c r="FG55" s="76"/>
      <c r="FH55" s="76"/>
      <c r="FI55" s="76"/>
      <c r="FJ55" s="76"/>
      <c r="FK55" s="76"/>
      <c r="FL55" s="76"/>
      <c r="FM55" s="76"/>
      <c r="FN55" s="76"/>
      <c r="FO55" s="76"/>
      <c r="FP55" s="76"/>
      <c r="FQ55" s="76"/>
      <c r="FR55" s="76"/>
      <c r="FS55" s="76"/>
      <c r="FT55" s="76"/>
      <c r="FU55" s="76"/>
      <c r="FV55" s="76"/>
      <c r="FW55" s="76"/>
      <c r="FX55" s="76"/>
      <c r="FY55" s="76"/>
      <c r="FZ55" s="76"/>
      <c r="GA55" s="76"/>
      <c r="GB55" s="76"/>
      <c r="GC55" s="76"/>
      <c r="GD55" s="76"/>
      <c r="GE55" s="76"/>
      <c r="GF55" s="76"/>
      <c r="GG55" s="76"/>
      <c r="GH55" s="76"/>
      <c r="GI55" s="76"/>
      <c r="GJ55" s="76"/>
      <c r="GK55" s="76"/>
      <c r="GL55" s="76"/>
    </row>
    <row r="56" spans="1:194" s="77" customFormat="1" x14ac:dyDescent="0.15">
      <c r="A56" s="76"/>
      <c r="B56" s="76"/>
      <c r="C56" s="76"/>
      <c r="D56" s="76"/>
      <c r="E56" s="76"/>
      <c r="F56" s="76"/>
      <c r="G56" s="76"/>
      <c r="H56" s="76"/>
      <c r="I56" s="76"/>
      <c r="J56" s="76"/>
      <c r="K56" s="76"/>
      <c r="L56" s="76"/>
      <c r="M56" s="76"/>
      <c r="N56" s="76"/>
      <c r="O56" s="76"/>
      <c r="P56" s="76"/>
      <c r="Q56" s="76"/>
      <c r="R56" s="76"/>
      <c r="S56" s="76"/>
      <c r="T56" s="76"/>
      <c r="U56" s="76"/>
      <c r="V56" s="76"/>
      <c r="W56" s="76"/>
      <c r="X56" s="76"/>
      <c r="Y56" s="76"/>
      <c r="Z56" s="75"/>
      <c r="AA56" s="75"/>
      <c r="AB56" s="75"/>
      <c r="AC56" s="75"/>
      <c r="AD56" s="75"/>
      <c r="AE56" s="75"/>
      <c r="AF56" s="75"/>
      <c r="AG56" s="75"/>
      <c r="AH56" s="75"/>
      <c r="AI56" s="75"/>
      <c r="AJ56" s="75"/>
      <c r="AK56" s="75"/>
      <c r="AL56" s="75"/>
      <c r="AM56" s="75"/>
      <c r="AN56" s="75"/>
      <c r="AO56" s="75"/>
      <c r="AR56" s="76"/>
      <c r="AS56" s="76"/>
      <c r="AT56" s="76"/>
      <c r="AU56" s="76"/>
      <c r="AV56" s="76"/>
      <c r="AW56" s="76"/>
      <c r="AX56" s="76"/>
      <c r="AY56" s="76"/>
      <c r="AZ56" s="76"/>
      <c r="BA56" s="76"/>
      <c r="BB56" s="76"/>
      <c r="BC56" s="76"/>
      <c r="BD56" s="76"/>
      <c r="BE56" s="76"/>
      <c r="BF56" s="76"/>
      <c r="BG56" s="76"/>
      <c r="BH56" s="76"/>
      <c r="BI56" s="76"/>
      <c r="BJ56" s="76"/>
      <c r="BK56" s="76"/>
      <c r="BL56" s="76"/>
      <c r="BM56" s="76"/>
      <c r="BN56" s="76"/>
      <c r="BO56" s="76"/>
      <c r="BP56" s="76"/>
      <c r="BQ56" s="76"/>
      <c r="BR56" s="76"/>
      <c r="BS56" s="76"/>
      <c r="BT56" s="76"/>
      <c r="BU56" s="76"/>
      <c r="BV56" s="76"/>
      <c r="BW56" s="76"/>
      <c r="BX56" s="76"/>
      <c r="BY56" s="76"/>
      <c r="BZ56" s="76"/>
      <c r="CA56" s="76"/>
      <c r="CB56" s="76"/>
      <c r="CC56" s="76"/>
      <c r="CD56" s="76"/>
      <c r="CE56" s="76"/>
      <c r="CF56" s="76"/>
      <c r="CG56" s="76"/>
      <c r="CH56" s="76"/>
      <c r="CI56" s="76"/>
      <c r="CJ56" s="76"/>
      <c r="CK56" s="76"/>
      <c r="CL56" s="76"/>
      <c r="CM56" s="76"/>
      <c r="CN56" s="76"/>
      <c r="CO56" s="76"/>
      <c r="CP56" s="76"/>
      <c r="CQ56" s="76"/>
      <c r="CR56" s="76"/>
      <c r="CS56" s="76"/>
      <c r="CT56" s="76"/>
      <c r="CU56" s="76"/>
      <c r="CV56" s="76"/>
      <c r="CW56" s="76"/>
      <c r="CX56" s="76"/>
      <c r="CY56" s="76"/>
      <c r="CZ56" s="76"/>
      <c r="DA56" s="76"/>
      <c r="DB56" s="76"/>
      <c r="DC56" s="76"/>
      <c r="DD56" s="76"/>
      <c r="DE56" s="76"/>
      <c r="DF56" s="76"/>
      <c r="DG56" s="76"/>
      <c r="DH56" s="76"/>
      <c r="DI56" s="76"/>
      <c r="DJ56" s="76"/>
      <c r="DK56" s="76"/>
      <c r="DL56" s="76"/>
      <c r="DM56" s="76"/>
      <c r="DN56" s="76"/>
      <c r="DO56" s="76"/>
      <c r="DP56" s="76"/>
      <c r="DQ56" s="76"/>
      <c r="DR56" s="76"/>
      <c r="DS56" s="76"/>
      <c r="DT56" s="76"/>
      <c r="DU56" s="76"/>
      <c r="DV56" s="76"/>
      <c r="DW56" s="76"/>
      <c r="DX56" s="76"/>
      <c r="DY56" s="76"/>
      <c r="DZ56" s="76"/>
      <c r="EA56" s="76"/>
      <c r="EB56" s="76"/>
      <c r="EC56" s="76"/>
      <c r="ED56" s="76"/>
      <c r="EE56" s="76"/>
      <c r="EF56" s="76"/>
      <c r="EG56" s="76"/>
      <c r="EH56" s="76"/>
      <c r="EI56" s="76"/>
      <c r="EJ56" s="76"/>
      <c r="EK56" s="76"/>
      <c r="EL56" s="76"/>
      <c r="EM56" s="76"/>
      <c r="EN56" s="76"/>
      <c r="EO56" s="76"/>
      <c r="EP56" s="76"/>
      <c r="EQ56" s="76"/>
      <c r="ER56" s="76"/>
      <c r="ES56" s="76"/>
      <c r="ET56" s="76"/>
      <c r="EU56" s="76"/>
      <c r="EV56" s="76"/>
      <c r="EW56" s="76"/>
      <c r="EX56" s="76"/>
      <c r="EY56" s="76"/>
      <c r="EZ56" s="76"/>
      <c r="FA56" s="76"/>
      <c r="FB56" s="76"/>
      <c r="FC56" s="76"/>
      <c r="FD56" s="76"/>
      <c r="FE56" s="76"/>
      <c r="FF56" s="76"/>
      <c r="FG56" s="76"/>
      <c r="FH56" s="76"/>
      <c r="FI56" s="76"/>
      <c r="FJ56" s="76"/>
      <c r="FK56" s="76"/>
      <c r="FL56" s="76"/>
      <c r="FM56" s="76"/>
      <c r="FN56" s="76"/>
      <c r="FO56" s="76"/>
      <c r="FP56" s="76"/>
      <c r="FQ56" s="76"/>
      <c r="FR56" s="76"/>
      <c r="FS56" s="76"/>
      <c r="FT56" s="76"/>
      <c r="FU56" s="76"/>
      <c r="FV56" s="76"/>
      <c r="FW56" s="76"/>
      <c r="FX56" s="76"/>
      <c r="FY56" s="76"/>
      <c r="FZ56" s="76"/>
      <c r="GA56" s="76"/>
      <c r="GB56" s="76"/>
      <c r="GC56" s="76"/>
      <c r="GD56" s="76"/>
      <c r="GE56" s="76"/>
      <c r="GF56" s="76"/>
      <c r="GG56" s="76"/>
      <c r="GH56" s="76"/>
      <c r="GI56" s="76"/>
      <c r="GJ56" s="76"/>
      <c r="GK56" s="76"/>
      <c r="GL56" s="76"/>
    </row>
    <row r="57" spans="1:194" s="77" customFormat="1" x14ac:dyDescent="0.15">
      <c r="A57" s="76"/>
      <c r="B57" s="76"/>
      <c r="C57" s="76"/>
      <c r="D57" s="76"/>
      <c r="E57" s="76"/>
      <c r="F57" s="76"/>
      <c r="G57" s="76"/>
      <c r="H57" s="76"/>
      <c r="I57" s="76"/>
      <c r="J57" s="76"/>
      <c r="K57" s="76"/>
      <c r="L57" s="76"/>
      <c r="M57" s="76"/>
      <c r="N57" s="76"/>
      <c r="O57" s="76"/>
      <c r="P57" s="76"/>
      <c r="Q57" s="76"/>
      <c r="R57" s="76"/>
      <c r="S57" s="76"/>
      <c r="T57" s="76"/>
      <c r="U57" s="76"/>
      <c r="V57" s="76"/>
      <c r="W57" s="76"/>
      <c r="X57" s="76"/>
      <c r="Y57" s="76"/>
      <c r="Z57" s="75"/>
      <c r="AA57" s="75"/>
      <c r="AB57" s="75"/>
      <c r="AC57" s="75"/>
      <c r="AD57" s="75"/>
      <c r="AE57" s="75"/>
      <c r="AF57" s="75"/>
      <c r="AG57" s="75"/>
      <c r="AH57" s="75"/>
      <c r="AI57" s="75"/>
      <c r="AJ57" s="75"/>
      <c r="AK57" s="75"/>
      <c r="AL57" s="75"/>
      <c r="AM57" s="75"/>
      <c r="AN57" s="75"/>
      <c r="AO57" s="75"/>
      <c r="AR57" s="76"/>
      <c r="AS57" s="76"/>
      <c r="AT57" s="76"/>
      <c r="AU57" s="76"/>
      <c r="AV57" s="76"/>
      <c r="AW57" s="76"/>
      <c r="AX57" s="76"/>
      <c r="AY57" s="76"/>
      <c r="AZ57" s="76"/>
      <c r="BA57" s="76"/>
      <c r="BB57" s="76"/>
      <c r="BC57" s="76"/>
      <c r="BD57" s="76"/>
      <c r="BE57" s="76"/>
      <c r="BF57" s="76"/>
      <c r="BG57" s="76"/>
      <c r="BH57" s="76"/>
      <c r="BI57" s="76"/>
      <c r="BJ57" s="76"/>
      <c r="BK57" s="76"/>
      <c r="BL57" s="76"/>
      <c r="BM57" s="76"/>
      <c r="BN57" s="76"/>
      <c r="BO57" s="76"/>
      <c r="BP57" s="76"/>
      <c r="BQ57" s="76"/>
      <c r="BR57" s="76"/>
      <c r="BS57" s="76"/>
      <c r="BT57" s="76"/>
      <c r="BU57" s="76"/>
      <c r="BV57" s="76"/>
      <c r="BW57" s="76"/>
      <c r="BX57" s="76"/>
      <c r="BY57" s="76"/>
      <c r="BZ57" s="76"/>
      <c r="CA57" s="76"/>
      <c r="CB57" s="76"/>
      <c r="CC57" s="76"/>
      <c r="CD57" s="76"/>
      <c r="CE57" s="76"/>
      <c r="CF57" s="76"/>
      <c r="CG57" s="76"/>
      <c r="CH57" s="76"/>
      <c r="CI57" s="76"/>
      <c r="CJ57" s="76"/>
      <c r="CK57" s="76"/>
      <c r="CL57" s="76"/>
      <c r="CM57" s="76"/>
      <c r="CN57" s="76"/>
      <c r="CO57" s="76"/>
      <c r="CP57" s="76"/>
      <c r="CQ57" s="76"/>
      <c r="CR57" s="76"/>
      <c r="CS57" s="76"/>
      <c r="CT57" s="76"/>
      <c r="CU57" s="76"/>
      <c r="CV57" s="76"/>
      <c r="CW57" s="76"/>
      <c r="CX57" s="76"/>
      <c r="CY57" s="76"/>
      <c r="CZ57" s="76"/>
      <c r="DA57" s="76"/>
      <c r="DB57" s="76"/>
      <c r="DC57" s="76"/>
      <c r="DD57" s="76"/>
      <c r="DE57" s="76"/>
      <c r="DF57" s="76"/>
      <c r="DG57" s="76"/>
      <c r="DH57" s="76"/>
      <c r="DI57" s="76"/>
      <c r="DJ57" s="76"/>
      <c r="DK57" s="76"/>
      <c r="DL57" s="76"/>
      <c r="DM57" s="76"/>
      <c r="DN57" s="76"/>
      <c r="DO57" s="76"/>
      <c r="DP57" s="76"/>
      <c r="DQ57" s="76"/>
      <c r="DR57" s="76"/>
      <c r="DS57" s="76"/>
      <c r="DT57" s="76"/>
      <c r="DU57" s="76"/>
      <c r="DV57" s="76"/>
      <c r="DW57" s="76"/>
      <c r="DX57" s="76"/>
      <c r="DY57" s="76"/>
      <c r="DZ57" s="76"/>
      <c r="EA57" s="76"/>
      <c r="EB57" s="76"/>
      <c r="EC57" s="76"/>
      <c r="ED57" s="76"/>
      <c r="EE57" s="76"/>
      <c r="EF57" s="76"/>
      <c r="EG57" s="76"/>
      <c r="EH57" s="76"/>
      <c r="EI57" s="76"/>
      <c r="EJ57" s="76"/>
      <c r="EK57" s="76"/>
      <c r="EL57" s="76"/>
      <c r="EM57" s="76"/>
      <c r="EN57" s="76"/>
      <c r="EO57" s="76"/>
      <c r="EP57" s="76"/>
      <c r="EQ57" s="76"/>
      <c r="ER57" s="76"/>
      <c r="ES57" s="76"/>
      <c r="ET57" s="76"/>
      <c r="EU57" s="76"/>
      <c r="EV57" s="76"/>
      <c r="EW57" s="76"/>
      <c r="EX57" s="76"/>
      <c r="EY57" s="76"/>
      <c r="EZ57" s="76"/>
      <c r="FA57" s="76"/>
      <c r="FB57" s="76"/>
      <c r="FC57" s="76"/>
      <c r="FD57" s="76"/>
      <c r="FE57" s="76"/>
      <c r="FF57" s="76"/>
      <c r="FG57" s="76"/>
      <c r="FH57" s="76"/>
      <c r="FI57" s="76"/>
      <c r="FJ57" s="76"/>
      <c r="FK57" s="76"/>
      <c r="FL57" s="76"/>
      <c r="FM57" s="76"/>
      <c r="FN57" s="76"/>
      <c r="FO57" s="76"/>
      <c r="FP57" s="76"/>
      <c r="FQ57" s="76"/>
      <c r="FR57" s="76"/>
      <c r="FS57" s="76"/>
      <c r="FT57" s="76"/>
      <c r="FU57" s="76"/>
      <c r="FV57" s="76"/>
      <c r="FW57" s="76"/>
      <c r="FX57" s="76"/>
      <c r="FY57" s="76"/>
      <c r="FZ57" s="76"/>
      <c r="GA57" s="76"/>
      <c r="GB57" s="76"/>
      <c r="GC57" s="76"/>
      <c r="GD57" s="76"/>
      <c r="GE57" s="76"/>
      <c r="GF57" s="76"/>
      <c r="GG57" s="76"/>
      <c r="GH57" s="76"/>
      <c r="GI57" s="76"/>
      <c r="GJ57" s="76"/>
      <c r="GK57" s="76"/>
      <c r="GL57" s="76"/>
    </row>
    <row r="58" spans="1:194" s="77" customFormat="1" x14ac:dyDescent="0.15">
      <c r="A58" s="76"/>
      <c r="B58" s="76"/>
      <c r="C58" s="76"/>
      <c r="D58" s="76"/>
      <c r="E58" s="76"/>
      <c r="F58" s="76"/>
      <c r="G58" s="76"/>
      <c r="H58" s="76"/>
      <c r="I58" s="76"/>
      <c r="J58" s="76"/>
      <c r="K58" s="76"/>
      <c r="L58" s="76"/>
      <c r="M58" s="76"/>
      <c r="N58" s="76"/>
      <c r="O58" s="76"/>
      <c r="P58" s="76"/>
      <c r="Q58" s="76"/>
      <c r="R58" s="76"/>
      <c r="S58" s="76"/>
      <c r="T58" s="76"/>
      <c r="U58" s="76"/>
      <c r="V58" s="76"/>
      <c r="W58" s="76"/>
      <c r="X58" s="76"/>
      <c r="Y58" s="76"/>
      <c r="Z58" s="75"/>
      <c r="AA58" s="75"/>
      <c r="AB58" s="75"/>
      <c r="AC58" s="75"/>
      <c r="AD58" s="75"/>
      <c r="AE58" s="75"/>
      <c r="AF58" s="75"/>
      <c r="AG58" s="75"/>
      <c r="AH58" s="75"/>
      <c r="AI58" s="75"/>
      <c r="AJ58" s="75"/>
      <c r="AK58" s="75"/>
      <c r="AL58" s="75"/>
      <c r="AM58" s="75"/>
      <c r="AN58" s="75"/>
      <c r="AO58" s="75"/>
      <c r="AR58" s="76"/>
      <c r="AS58" s="76"/>
      <c r="AT58" s="76"/>
      <c r="AU58" s="76"/>
      <c r="AV58" s="76"/>
      <c r="AW58" s="76"/>
      <c r="AX58" s="76"/>
      <c r="AY58" s="76"/>
      <c r="AZ58" s="76"/>
      <c r="BA58" s="76"/>
      <c r="BB58" s="76"/>
      <c r="BC58" s="76"/>
      <c r="BD58" s="76"/>
      <c r="BE58" s="76"/>
      <c r="BF58" s="76"/>
      <c r="BG58" s="76"/>
      <c r="BH58" s="76"/>
      <c r="BI58" s="76"/>
      <c r="BJ58" s="76"/>
      <c r="BK58" s="76"/>
      <c r="BL58" s="76"/>
      <c r="BM58" s="76"/>
      <c r="BN58" s="76"/>
      <c r="BO58" s="76"/>
      <c r="BP58" s="76"/>
      <c r="BQ58" s="76"/>
      <c r="BR58" s="76"/>
      <c r="BS58" s="76"/>
      <c r="BT58" s="76"/>
      <c r="BU58" s="76"/>
      <c r="BV58" s="76"/>
      <c r="BW58" s="76"/>
      <c r="BX58" s="76"/>
      <c r="BY58" s="76"/>
      <c r="BZ58" s="76"/>
      <c r="CA58" s="76"/>
      <c r="CB58" s="76"/>
      <c r="CC58" s="76"/>
      <c r="CD58" s="76"/>
      <c r="CE58" s="76"/>
      <c r="CF58" s="76"/>
      <c r="CG58" s="76"/>
      <c r="CH58" s="76"/>
      <c r="CI58" s="76"/>
      <c r="CJ58" s="76"/>
      <c r="CK58" s="76"/>
      <c r="CL58" s="76"/>
      <c r="CM58" s="76"/>
      <c r="CN58" s="76"/>
      <c r="CO58" s="76"/>
      <c r="CP58" s="76"/>
      <c r="CQ58" s="76"/>
      <c r="CR58" s="76"/>
      <c r="CS58" s="76"/>
      <c r="CT58" s="76"/>
      <c r="CU58" s="76"/>
      <c r="CV58" s="76"/>
      <c r="CW58" s="76"/>
      <c r="CX58" s="76"/>
      <c r="CY58" s="76"/>
      <c r="CZ58" s="76"/>
      <c r="DA58" s="76"/>
      <c r="DB58" s="76"/>
      <c r="DC58" s="76"/>
      <c r="DD58" s="76"/>
      <c r="DE58" s="76"/>
      <c r="DF58" s="76"/>
      <c r="DG58" s="76"/>
      <c r="DH58" s="76"/>
      <c r="DI58" s="76"/>
      <c r="DJ58" s="76"/>
      <c r="DK58" s="76"/>
      <c r="DL58" s="76"/>
      <c r="DM58" s="76"/>
      <c r="DN58" s="76"/>
      <c r="DO58" s="76"/>
      <c r="DP58" s="76"/>
      <c r="DQ58" s="76"/>
      <c r="DR58" s="76"/>
      <c r="DS58" s="76"/>
      <c r="DT58" s="76"/>
      <c r="DU58" s="76"/>
      <c r="DV58" s="76"/>
      <c r="DW58" s="76"/>
      <c r="DX58" s="76"/>
      <c r="DY58" s="76"/>
      <c r="DZ58" s="76"/>
      <c r="EA58" s="76"/>
      <c r="EB58" s="76"/>
      <c r="EC58" s="76"/>
      <c r="ED58" s="76"/>
      <c r="EE58" s="76"/>
      <c r="EF58" s="76"/>
      <c r="EG58" s="76"/>
      <c r="EH58" s="76"/>
      <c r="EI58" s="76"/>
      <c r="EJ58" s="76"/>
      <c r="EK58" s="76"/>
      <c r="EL58" s="76"/>
      <c r="EM58" s="76"/>
      <c r="EN58" s="76"/>
      <c r="EO58" s="76"/>
      <c r="EP58" s="76"/>
      <c r="EQ58" s="76"/>
      <c r="ER58" s="76"/>
      <c r="ES58" s="76"/>
      <c r="ET58" s="76"/>
      <c r="EU58" s="76"/>
      <c r="EV58" s="76"/>
      <c r="EW58" s="76"/>
      <c r="EX58" s="76"/>
      <c r="EY58" s="76"/>
      <c r="EZ58" s="76"/>
      <c r="FA58" s="76"/>
      <c r="FB58" s="76"/>
      <c r="FC58" s="76"/>
      <c r="FD58" s="76"/>
      <c r="FE58" s="76"/>
      <c r="FF58" s="76"/>
      <c r="FG58" s="76"/>
      <c r="FH58" s="76"/>
      <c r="FI58" s="76"/>
      <c r="FJ58" s="76"/>
      <c r="FK58" s="76"/>
      <c r="FL58" s="76"/>
      <c r="FM58" s="76"/>
      <c r="FN58" s="76"/>
      <c r="FO58" s="76"/>
      <c r="FP58" s="76"/>
      <c r="FQ58" s="76"/>
      <c r="FR58" s="76"/>
      <c r="FS58" s="76"/>
      <c r="FT58" s="76"/>
      <c r="FU58" s="76"/>
      <c r="FV58" s="76"/>
      <c r="FW58" s="76"/>
      <c r="FX58" s="76"/>
      <c r="FY58" s="76"/>
      <c r="FZ58" s="76"/>
      <c r="GA58" s="76"/>
      <c r="GB58" s="76"/>
      <c r="GC58" s="76"/>
      <c r="GD58" s="76"/>
      <c r="GE58" s="76"/>
      <c r="GF58" s="76"/>
      <c r="GG58" s="76"/>
      <c r="GH58" s="76"/>
      <c r="GI58" s="76"/>
      <c r="GJ58" s="76"/>
      <c r="GK58" s="76"/>
      <c r="GL58" s="76"/>
    </row>
    <row r="59" spans="1:194" s="77" customFormat="1" x14ac:dyDescent="0.15">
      <c r="A59" s="76"/>
      <c r="B59" s="76"/>
      <c r="C59" s="76"/>
      <c r="D59" s="76"/>
      <c r="E59" s="76"/>
      <c r="F59" s="76"/>
      <c r="G59" s="76"/>
      <c r="H59" s="76"/>
      <c r="I59" s="76"/>
      <c r="J59" s="76"/>
      <c r="K59" s="76"/>
      <c r="L59" s="76"/>
      <c r="M59" s="76"/>
      <c r="N59" s="76"/>
      <c r="O59" s="76"/>
      <c r="P59" s="76"/>
      <c r="Q59" s="76"/>
      <c r="R59" s="76"/>
      <c r="S59" s="76"/>
      <c r="T59" s="76"/>
      <c r="U59" s="76"/>
      <c r="V59" s="76"/>
      <c r="W59" s="76"/>
      <c r="X59" s="76"/>
      <c r="Y59" s="76"/>
      <c r="Z59" s="75"/>
      <c r="AA59" s="75"/>
      <c r="AB59" s="75"/>
      <c r="AC59" s="75"/>
      <c r="AD59" s="75"/>
      <c r="AE59" s="75"/>
      <c r="AF59" s="75"/>
      <c r="AG59" s="75"/>
      <c r="AH59" s="75"/>
      <c r="AI59" s="75"/>
      <c r="AJ59" s="75"/>
      <c r="AK59" s="75"/>
      <c r="AL59" s="75"/>
      <c r="AM59" s="75"/>
      <c r="AN59" s="75"/>
      <c r="AO59" s="75"/>
      <c r="AR59" s="76"/>
      <c r="AS59" s="76"/>
      <c r="AT59" s="76"/>
      <c r="AU59" s="76"/>
      <c r="AV59" s="76"/>
      <c r="AW59" s="76"/>
      <c r="AX59" s="76"/>
      <c r="AY59" s="76"/>
      <c r="AZ59" s="76"/>
      <c r="BA59" s="76"/>
      <c r="BB59" s="76"/>
      <c r="BC59" s="76"/>
      <c r="BD59" s="76"/>
      <c r="BE59" s="76"/>
      <c r="BF59" s="76"/>
      <c r="BG59" s="76"/>
      <c r="BH59" s="76"/>
      <c r="BI59" s="76"/>
      <c r="BJ59" s="76"/>
      <c r="BK59" s="76"/>
      <c r="BL59" s="76"/>
      <c r="BM59" s="76"/>
      <c r="BN59" s="76"/>
      <c r="BO59" s="76"/>
      <c r="BP59" s="76"/>
      <c r="BQ59" s="76"/>
      <c r="BR59" s="76"/>
      <c r="BS59" s="76"/>
      <c r="BT59" s="76"/>
      <c r="BU59" s="76"/>
      <c r="BV59" s="76"/>
      <c r="BW59" s="76"/>
      <c r="BX59" s="76"/>
      <c r="BY59" s="76"/>
      <c r="BZ59" s="76"/>
      <c r="CA59" s="76"/>
      <c r="CB59" s="76"/>
      <c r="CC59" s="76"/>
      <c r="CD59" s="76"/>
      <c r="CE59" s="76"/>
      <c r="CF59" s="76"/>
      <c r="CG59" s="76"/>
      <c r="CH59" s="76"/>
      <c r="CI59" s="76"/>
      <c r="CJ59" s="76"/>
      <c r="CK59" s="76"/>
      <c r="CL59" s="76"/>
      <c r="CM59" s="76"/>
      <c r="CN59" s="76"/>
      <c r="CO59" s="76"/>
      <c r="CP59" s="76"/>
      <c r="CQ59" s="76"/>
      <c r="CR59" s="76"/>
      <c r="CS59" s="76"/>
      <c r="CT59" s="76"/>
      <c r="CU59" s="76"/>
      <c r="CV59" s="76"/>
      <c r="CW59" s="76"/>
      <c r="CX59" s="76"/>
      <c r="CY59" s="76"/>
      <c r="CZ59" s="76"/>
      <c r="DA59" s="76"/>
      <c r="DB59" s="76"/>
      <c r="DC59" s="76"/>
      <c r="DD59" s="76"/>
      <c r="DE59" s="76"/>
      <c r="DF59" s="76"/>
      <c r="DG59" s="76"/>
      <c r="DH59" s="76"/>
      <c r="DI59" s="76"/>
      <c r="DJ59" s="76"/>
      <c r="DK59" s="76"/>
      <c r="DL59" s="76"/>
      <c r="DM59" s="76"/>
      <c r="DN59" s="76"/>
      <c r="DO59" s="76"/>
      <c r="DP59" s="76"/>
      <c r="DQ59" s="76"/>
      <c r="DR59" s="76"/>
      <c r="DS59" s="76"/>
      <c r="DT59" s="76"/>
      <c r="DU59" s="76"/>
      <c r="DV59" s="76"/>
      <c r="DW59" s="76"/>
      <c r="DX59" s="76"/>
      <c r="DY59" s="76"/>
      <c r="DZ59" s="76"/>
      <c r="EA59" s="76"/>
      <c r="EB59" s="76"/>
      <c r="EC59" s="76"/>
      <c r="ED59" s="76"/>
      <c r="EE59" s="76"/>
      <c r="EF59" s="76"/>
      <c r="EG59" s="76"/>
      <c r="EH59" s="76"/>
      <c r="EI59" s="76"/>
      <c r="EJ59" s="76"/>
      <c r="EK59" s="76"/>
      <c r="EL59" s="76"/>
      <c r="EM59" s="76"/>
      <c r="EN59" s="76"/>
      <c r="EO59" s="76"/>
      <c r="EP59" s="76"/>
      <c r="EQ59" s="76"/>
      <c r="ER59" s="76"/>
      <c r="ES59" s="76"/>
      <c r="ET59" s="76"/>
      <c r="EU59" s="76"/>
      <c r="EV59" s="76"/>
      <c r="EW59" s="76"/>
      <c r="EX59" s="76"/>
      <c r="EY59" s="76"/>
      <c r="EZ59" s="76"/>
      <c r="FA59" s="76"/>
      <c r="FB59" s="76"/>
      <c r="FC59" s="76"/>
      <c r="FD59" s="76"/>
      <c r="FE59" s="76"/>
      <c r="FF59" s="76"/>
      <c r="FG59" s="76"/>
      <c r="FH59" s="76"/>
      <c r="FI59" s="76"/>
      <c r="FJ59" s="76"/>
      <c r="FK59" s="76"/>
      <c r="FL59" s="76"/>
      <c r="FM59" s="76"/>
      <c r="FN59" s="76"/>
      <c r="FO59" s="76"/>
      <c r="FP59" s="76"/>
      <c r="FQ59" s="76"/>
      <c r="FR59" s="76"/>
      <c r="FS59" s="76"/>
      <c r="FT59" s="76"/>
      <c r="FU59" s="76"/>
      <c r="FV59" s="76"/>
      <c r="FW59" s="76"/>
      <c r="FX59" s="76"/>
      <c r="FY59" s="76"/>
      <c r="FZ59" s="76"/>
      <c r="GA59" s="76"/>
      <c r="GB59" s="76"/>
      <c r="GC59" s="76"/>
      <c r="GD59" s="76"/>
      <c r="GE59" s="76"/>
      <c r="GF59" s="76"/>
      <c r="GG59" s="76"/>
      <c r="GH59" s="76"/>
      <c r="GI59" s="76"/>
      <c r="GJ59" s="76"/>
      <c r="GK59" s="76"/>
      <c r="GL59" s="76"/>
    </row>
    <row r="60" spans="1:194" s="77" customFormat="1" x14ac:dyDescent="0.15">
      <c r="A60" s="76"/>
      <c r="B60" s="76"/>
      <c r="C60" s="76"/>
      <c r="D60" s="76"/>
      <c r="E60" s="76"/>
      <c r="F60" s="76"/>
      <c r="G60" s="76"/>
      <c r="H60" s="76"/>
      <c r="I60" s="76"/>
      <c r="J60" s="76"/>
      <c r="K60" s="76"/>
      <c r="L60" s="76"/>
      <c r="M60" s="76"/>
      <c r="N60" s="76"/>
      <c r="O60" s="76"/>
      <c r="P60" s="76"/>
      <c r="Q60" s="76"/>
      <c r="R60" s="76"/>
      <c r="S60" s="76"/>
      <c r="T60" s="76"/>
      <c r="U60" s="76"/>
      <c r="V60" s="76"/>
      <c r="W60" s="76"/>
      <c r="X60" s="76"/>
      <c r="Y60" s="76"/>
      <c r="Z60" s="75"/>
      <c r="AA60" s="75"/>
      <c r="AB60" s="75"/>
      <c r="AC60" s="75"/>
      <c r="AD60" s="75"/>
      <c r="AE60" s="75"/>
      <c r="AF60" s="75"/>
      <c r="AG60" s="75"/>
      <c r="AH60" s="75"/>
      <c r="AI60" s="75"/>
      <c r="AJ60" s="75"/>
      <c r="AK60" s="75"/>
      <c r="AL60" s="75"/>
      <c r="AM60" s="75"/>
      <c r="AN60" s="75"/>
      <c r="AO60" s="75"/>
      <c r="AR60" s="76"/>
      <c r="AS60" s="76"/>
      <c r="AT60" s="76"/>
      <c r="AU60" s="76"/>
      <c r="AV60" s="76"/>
      <c r="AW60" s="76"/>
      <c r="AX60" s="76"/>
      <c r="AY60" s="76"/>
      <c r="AZ60" s="76"/>
      <c r="BA60" s="76"/>
      <c r="BB60" s="76"/>
      <c r="BC60" s="76"/>
      <c r="BD60" s="76"/>
      <c r="BE60" s="76"/>
      <c r="BF60" s="76"/>
      <c r="BG60" s="76"/>
      <c r="BH60" s="76"/>
      <c r="BI60" s="76"/>
      <c r="BJ60" s="76"/>
      <c r="BK60" s="76"/>
      <c r="BL60" s="76"/>
      <c r="BM60" s="76"/>
      <c r="BN60" s="76"/>
      <c r="BO60" s="76"/>
      <c r="BP60" s="76"/>
      <c r="BQ60" s="76"/>
      <c r="BR60" s="76"/>
      <c r="BS60" s="76"/>
      <c r="BT60" s="76"/>
      <c r="BU60" s="76"/>
      <c r="BV60" s="76"/>
      <c r="BW60" s="76"/>
      <c r="BX60" s="76"/>
      <c r="BY60" s="76"/>
      <c r="BZ60" s="76"/>
      <c r="CA60" s="76"/>
      <c r="CB60" s="76"/>
      <c r="CC60" s="76"/>
      <c r="CD60" s="76"/>
      <c r="CE60" s="76"/>
      <c r="CF60" s="76"/>
      <c r="CG60" s="76"/>
      <c r="CH60" s="76"/>
      <c r="CI60" s="76"/>
      <c r="CJ60" s="76"/>
      <c r="CK60" s="76"/>
      <c r="CL60" s="76"/>
      <c r="CM60" s="76"/>
      <c r="CN60" s="76"/>
      <c r="CO60" s="76"/>
      <c r="CP60" s="76"/>
      <c r="CQ60" s="76"/>
      <c r="CR60" s="76"/>
      <c r="CS60" s="76"/>
      <c r="CT60" s="76"/>
      <c r="CU60" s="76"/>
      <c r="CV60" s="76"/>
      <c r="CW60" s="76"/>
      <c r="CX60" s="76"/>
      <c r="CY60" s="76"/>
      <c r="CZ60" s="76"/>
      <c r="DA60" s="76"/>
      <c r="DB60" s="76"/>
      <c r="DC60" s="76"/>
      <c r="DD60" s="76"/>
      <c r="DE60" s="76"/>
      <c r="DF60" s="76"/>
      <c r="DG60" s="76"/>
      <c r="DH60" s="76"/>
      <c r="DI60" s="76"/>
      <c r="DJ60" s="76"/>
      <c r="DK60" s="76"/>
      <c r="DL60" s="76"/>
      <c r="DM60" s="76"/>
      <c r="DN60" s="76"/>
      <c r="DO60" s="76"/>
      <c r="DP60" s="76"/>
      <c r="DQ60" s="76"/>
      <c r="DR60" s="76"/>
      <c r="DS60" s="76"/>
      <c r="DT60" s="76"/>
      <c r="DU60" s="76"/>
      <c r="DV60" s="76"/>
      <c r="DW60" s="76"/>
      <c r="DX60" s="76"/>
      <c r="DY60" s="76"/>
      <c r="DZ60" s="76"/>
      <c r="EA60" s="76"/>
      <c r="EB60" s="76"/>
      <c r="EC60" s="76"/>
      <c r="ED60" s="76"/>
      <c r="EE60" s="76"/>
      <c r="EF60" s="76"/>
      <c r="EG60" s="76"/>
      <c r="EH60" s="76"/>
      <c r="EI60" s="76"/>
      <c r="EJ60" s="76"/>
      <c r="EK60" s="76"/>
      <c r="EL60" s="76"/>
      <c r="EM60" s="76"/>
      <c r="EN60" s="76"/>
      <c r="EO60" s="76"/>
      <c r="EP60" s="76"/>
      <c r="EQ60" s="76"/>
      <c r="ER60" s="76"/>
      <c r="ES60" s="76"/>
      <c r="ET60" s="76"/>
      <c r="EU60" s="76"/>
      <c r="EV60" s="76"/>
      <c r="EW60" s="76"/>
      <c r="EX60" s="76"/>
      <c r="EY60" s="76"/>
      <c r="EZ60" s="76"/>
      <c r="FA60" s="76"/>
      <c r="FB60" s="76"/>
      <c r="FC60" s="76"/>
      <c r="FD60" s="76"/>
      <c r="FE60" s="76"/>
      <c r="FF60" s="76"/>
      <c r="FG60" s="76"/>
      <c r="FH60" s="76"/>
      <c r="FI60" s="76"/>
      <c r="FJ60" s="76"/>
      <c r="FK60" s="76"/>
      <c r="FL60" s="76"/>
      <c r="FM60" s="76"/>
      <c r="FN60" s="76"/>
      <c r="FO60" s="76"/>
      <c r="FP60" s="76"/>
      <c r="FQ60" s="76"/>
      <c r="FR60" s="76"/>
      <c r="FS60" s="76"/>
      <c r="FT60" s="76"/>
      <c r="FU60" s="76"/>
      <c r="FV60" s="76"/>
      <c r="FW60" s="76"/>
      <c r="FX60" s="76"/>
      <c r="FY60" s="76"/>
      <c r="FZ60" s="76"/>
      <c r="GA60" s="76"/>
      <c r="GB60" s="76"/>
      <c r="GC60" s="76"/>
      <c r="GD60" s="76"/>
      <c r="GE60" s="76"/>
      <c r="GF60" s="76"/>
      <c r="GG60" s="76"/>
      <c r="GH60" s="76"/>
      <c r="GI60" s="76"/>
      <c r="GJ60" s="76"/>
      <c r="GK60" s="76"/>
      <c r="GL60" s="76"/>
    </row>
    <row r="61" spans="1:194" s="77" customFormat="1" x14ac:dyDescent="0.15">
      <c r="A61" s="76"/>
      <c r="B61" s="76"/>
      <c r="C61" s="76"/>
      <c r="D61" s="76"/>
      <c r="E61" s="76"/>
      <c r="F61" s="76"/>
      <c r="G61" s="76"/>
      <c r="H61" s="76"/>
      <c r="I61" s="76"/>
      <c r="J61" s="76"/>
      <c r="K61" s="76"/>
      <c r="L61" s="76"/>
      <c r="M61" s="76"/>
      <c r="N61" s="76"/>
      <c r="O61" s="76"/>
      <c r="P61" s="76"/>
      <c r="Q61" s="76"/>
      <c r="R61" s="76"/>
      <c r="S61" s="76"/>
      <c r="T61" s="76"/>
      <c r="U61" s="76"/>
      <c r="V61" s="76"/>
      <c r="W61" s="76"/>
      <c r="X61" s="76"/>
      <c r="Y61" s="76"/>
      <c r="Z61" s="75"/>
      <c r="AA61" s="75"/>
      <c r="AB61" s="75"/>
      <c r="AC61" s="75"/>
      <c r="AD61" s="75"/>
      <c r="AE61" s="75"/>
      <c r="AF61" s="75"/>
      <c r="AG61" s="75"/>
      <c r="AH61" s="75"/>
      <c r="AI61" s="75"/>
      <c r="AJ61" s="75"/>
      <c r="AK61" s="75"/>
      <c r="AL61" s="75"/>
      <c r="AM61" s="75"/>
      <c r="AN61" s="75"/>
      <c r="AO61" s="75"/>
      <c r="AR61" s="76"/>
      <c r="AS61" s="76"/>
      <c r="AT61" s="76"/>
      <c r="AU61" s="76"/>
      <c r="AV61" s="76"/>
      <c r="AW61" s="76"/>
      <c r="AX61" s="76"/>
      <c r="AY61" s="76"/>
      <c r="AZ61" s="76"/>
      <c r="BA61" s="76"/>
      <c r="BB61" s="76"/>
      <c r="BC61" s="76"/>
      <c r="BD61" s="76"/>
      <c r="BE61" s="76"/>
      <c r="BF61" s="76"/>
      <c r="BG61" s="76"/>
      <c r="BH61" s="76"/>
      <c r="BI61" s="76"/>
      <c r="BJ61" s="76"/>
      <c r="BK61" s="76"/>
      <c r="BL61" s="76"/>
      <c r="BM61" s="76"/>
      <c r="BN61" s="76"/>
      <c r="BO61" s="76"/>
      <c r="BP61" s="76"/>
      <c r="BQ61" s="76"/>
      <c r="BR61" s="76"/>
      <c r="BS61" s="76"/>
      <c r="BT61" s="76"/>
      <c r="BU61" s="76"/>
      <c r="BV61" s="76"/>
      <c r="BW61" s="76"/>
      <c r="BX61" s="76"/>
      <c r="BY61" s="76"/>
      <c r="BZ61" s="76"/>
      <c r="CA61" s="76"/>
      <c r="CB61" s="76"/>
      <c r="CC61" s="76"/>
      <c r="CD61" s="76"/>
      <c r="CE61" s="76"/>
      <c r="CF61" s="76"/>
      <c r="CG61" s="76"/>
      <c r="CH61" s="76"/>
      <c r="CI61" s="76"/>
      <c r="CJ61" s="76"/>
      <c r="CK61" s="76"/>
      <c r="CL61" s="76"/>
      <c r="CM61" s="76"/>
      <c r="CN61" s="76"/>
      <c r="CO61" s="76"/>
      <c r="CP61" s="76"/>
      <c r="CQ61" s="76"/>
      <c r="CR61" s="76"/>
      <c r="CS61" s="76"/>
      <c r="CT61" s="76"/>
      <c r="CU61" s="76"/>
      <c r="CV61" s="76"/>
      <c r="CW61" s="76"/>
      <c r="CX61" s="76"/>
      <c r="CY61" s="76"/>
      <c r="CZ61" s="76"/>
      <c r="DA61" s="76"/>
      <c r="DB61" s="76"/>
      <c r="DC61" s="76"/>
      <c r="DD61" s="76"/>
      <c r="DE61" s="76"/>
      <c r="DF61" s="76"/>
      <c r="DG61" s="76"/>
      <c r="DH61" s="76"/>
      <c r="DI61" s="76"/>
      <c r="DJ61" s="76"/>
      <c r="DK61" s="76"/>
      <c r="DL61" s="76"/>
      <c r="DM61" s="76"/>
      <c r="DN61" s="76"/>
      <c r="DO61" s="76"/>
      <c r="DP61" s="76"/>
      <c r="DQ61" s="76"/>
      <c r="DR61" s="76"/>
      <c r="DS61" s="76"/>
      <c r="DT61" s="76"/>
      <c r="DU61" s="76"/>
      <c r="DV61" s="76"/>
      <c r="DW61" s="76"/>
      <c r="DX61" s="76"/>
      <c r="DY61" s="76"/>
      <c r="DZ61" s="76"/>
      <c r="EA61" s="76"/>
      <c r="EB61" s="76"/>
      <c r="EC61" s="76"/>
      <c r="ED61" s="76"/>
      <c r="EE61" s="76"/>
      <c r="EF61" s="76"/>
      <c r="EG61" s="76"/>
      <c r="EH61" s="76"/>
      <c r="EI61" s="76"/>
      <c r="EJ61" s="76"/>
      <c r="EK61" s="76"/>
      <c r="EL61" s="76"/>
      <c r="EM61" s="76"/>
      <c r="EN61" s="76"/>
      <c r="EO61" s="76"/>
      <c r="EP61" s="76"/>
      <c r="EQ61" s="76"/>
      <c r="ER61" s="76"/>
      <c r="ES61" s="76"/>
      <c r="ET61" s="76"/>
      <c r="EU61" s="76"/>
      <c r="EV61" s="76"/>
      <c r="EW61" s="76"/>
      <c r="EX61" s="76"/>
      <c r="EY61" s="76"/>
      <c r="EZ61" s="76"/>
      <c r="FA61" s="76"/>
      <c r="FB61" s="76"/>
      <c r="FC61" s="76"/>
      <c r="FD61" s="76"/>
      <c r="FE61" s="76"/>
      <c r="FF61" s="76"/>
      <c r="FG61" s="76"/>
      <c r="FH61" s="76"/>
      <c r="FI61" s="76"/>
      <c r="FJ61" s="76"/>
      <c r="FK61" s="76"/>
      <c r="FL61" s="76"/>
      <c r="FM61" s="76"/>
      <c r="FN61" s="76"/>
      <c r="FO61" s="76"/>
      <c r="FP61" s="76"/>
      <c r="FQ61" s="76"/>
      <c r="FR61" s="76"/>
      <c r="FS61" s="76"/>
      <c r="FT61" s="76"/>
      <c r="FU61" s="76"/>
      <c r="FV61" s="76"/>
      <c r="FW61" s="76"/>
      <c r="FX61" s="76"/>
      <c r="FY61" s="76"/>
      <c r="FZ61" s="76"/>
      <c r="GA61" s="76"/>
      <c r="GB61" s="76"/>
      <c r="GC61" s="76"/>
      <c r="GD61" s="76"/>
      <c r="GE61" s="76"/>
      <c r="GF61" s="76"/>
      <c r="GG61" s="76"/>
      <c r="GH61" s="76"/>
      <c r="GI61" s="76"/>
      <c r="GJ61" s="76"/>
      <c r="GK61" s="76"/>
      <c r="GL61" s="76"/>
    </row>
    <row r="62" spans="1:194" s="77" customFormat="1" x14ac:dyDescent="0.15">
      <c r="A62" s="76"/>
      <c r="B62" s="76"/>
      <c r="C62" s="76"/>
      <c r="D62" s="76"/>
      <c r="E62" s="76"/>
      <c r="F62" s="76"/>
      <c r="G62" s="76"/>
      <c r="H62" s="76"/>
      <c r="I62" s="76"/>
      <c r="J62" s="76"/>
      <c r="K62" s="76"/>
      <c r="L62" s="76"/>
      <c r="M62" s="76"/>
      <c r="N62" s="76"/>
      <c r="O62" s="76"/>
      <c r="P62" s="76"/>
      <c r="Q62" s="76"/>
      <c r="R62" s="76"/>
      <c r="S62" s="76"/>
      <c r="T62" s="76"/>
      <c r="U62" s="76"/>
      <c r="V62" s="76"/>
      <c r="W62" s="76"/>
      <c r="X62" s="76"/>
      <c r="Y62" s="76"/>
      <c r="Z62" s="75"/>
      <c r="AA62" s="75"/>
      <c r="AB62" s="75"/>
      <c r="AC62" s="75"/>
      <c r="AD62" s="75"/>
      <c r="AE62" s="75"/>
      <c r="AF62" s="75"/>
      <c r="AG62" s="75"/>
      <c r="AH62" s="75"/>
      <c r="AI62" s="75"/>
      <c r="AJ62" s="75"/>
      <c r="AK62" s="75"/>
      <c r="AL62" s="75"/>
      <c r="AM62" s="75"/>
      <c r="AN62" s="75"/>
      <c r="AO62" s="75"/>
      <c r="AR62" s="76"/>
      <c r="AS62" s="76"/>
      <c r="AT62" s="76"/>
      <c r="AU62" s="76"/>
      <c r="AV62" s="76"/>
      <c r="AW62" s="76"/>
      <c r="AX62" s="76"/>
      <c r="AY62" s="76"/>
      <c r="AZ62" s="76"/>
      <c r="BA62" s="76"/>
      <c r="BB62" s="76"/>
      <c r="BC62" s="76"/>
      <c r="BD62" s="76"/>
      <c r="BE62" s="76"/>
      <c r="BF62" s="76"/>
      <c r="BG62" s="76"/>
      <c r="BH62" s="76"/>
      <c r="BI62" s="76"/>
      <c r="BJ62" s="76"/>
      <c r="BK62" s="76"/>
      <c r="BL62" s="76"/>
      <c r="BM62" s="76"/>
      <c r="BN62" s="76"/>
      <c r="BO62" s="76"/>
      <c r="BP62" s="76"/>
      <c r="BQ62" s="76"/>
      <c r="BR62" s="76"/>
      <c r="BS62" s="76"/>
      <c r="BT62" s="76"/>
      <c r="BU62" s="76"/>
      <c r="BV62" s="76"/>
      <c r="BW62" s="76"/>
      <c r="BX62" s="76"/>
      <c r="BY62" s="76"/>
      <c r="BZ62" s="76"/>
      <c r="CA62" s="76"/>
      <c r="CB62" s="76"/>
      <c r="CC62" s="76"/>
      <c r="CD62" s="76"/>
      <c r="CE62" s="76"/>
      <c r="CF62" s="76"/>
      <c r="CG62" s="76"/>
      <c r="CH62" s="76"/>
      <c r="CI62" s="76"/>
      <c r="CJ62" s="76"/>
      <c r="CK62" s="76"/>
      <c r="CL62" s="76"/>
      <c r="CM62" s="76"/>
      <c r="CN62" s="76"/>
      <c r="CO62" s="76"/>
      <c r="CP62" s="76"/>
      <c r="CQ62" s="76"/>
      <c r="CR62" s="76"/>
      <c r="CS62" s="76"/>
      <c r="CT62" s="76"/>
      <c r="CU62" s="76"/>
      <c r="CV62" s="76"/>
      <c r="CW62" s="76"/>
      <c r="CX62" s="76"/>
      <c r="CY62" s="76"/>
      <c r="CZ62" s="76"/>
      <c r="DA62" s="76"/>
      <c r="DB62" s="76"/>
      <c r="DC62" s="76"/>
      <c r="DD62" s="76"/>
      <c r="DE62" s="76"/>
      <c r="DF62" s="76"/>
      <c r="DG62" s="76"/>
      <c r="DH62" s="76"/>
      <c r="DI62" s="76"/>
      <c r="DJ62" s="76"/>
      <c r="DK62" s="76"/>
      <c r="DL62" s="76"/>
      <c r="DM62" s="76"/>
      <c r="DN62" s="76"/>
      <c r="DO62" s="76"/>
      <c r="DP62" s="76"/>
      <c r="DQ62" s="76"/>
      <c r="DR62" s="76"/>
      <c r="DS62" s="76"/>
      <c r="DT62" s="76"/>
      <c r="DU62" s="76"/>
      <c r="DV62" s="76"/>
      <c r="DW62" s="76"/>
      <c r="DX62" s="76"/>
      <c r="DY62" s="76"/>
      <c r="DZ62" s="76"/>
      <c r="EA62" s="76"/>
      <c r="EB62" s="76"/>
      <c r="EC62" s="76"/>
      <c r="ED62" s="76"/>
      <c r="EE62" s="76"/>
      <c r="EF62" s="76"/>
      <c r="EG62" s="76"/>
      <c r="EH62" s="76"/>
      <c r="EI62" s="76"/>
      <c r="EJ62" s="76"/>
      <c r="EK62" s="76"/>
      <c r="EL62" s="76"/>
      <c r="EM62" s="76"/>
      <c r="EN62" s="76"/>
      <c r="EO62" s="76"/>
      <c r="EP62" s="76"/>
      <c r="EQ62" s="76"/>
      <c r="ER62" s="76"/>
      <c r="ES62" s="76"/>
      <c r="ET62" s="76"/>
      <c r="EU62" s="76"/>
      <c r="EV62" s="76"/>
      <c r="EW62" s="76"/>
      <c r="EX62" s="76"/>
      <c r="EY62" s="76"/>
      <c r="EZ62" s="76"/>
      <c r="FA62" s="76"/>
      <c r="FB62" s="76"/>
      <c r="FC62" s="76"/>
      <c r="FD62" s="76"/>
      <c r="FE62" s="76"/>
      <c r="FF62" s="76"/>
      <c r="FG62" s="76"/>
      <c r="FH62" s="76"/>
      <c r="FI62" s="76"/>
      <c r="FJ62" s="76"/>
      <c r="FK62" s="76"/>
      <c r="FL62" s="76"/>
      <c r="FM62" s="76"/>
      <c r="FN62" s="76"/>
      <c r="FO62" s="76"/>
      <c r="FP62" s="76"/>
      <c r="FQ62" s="76"/>
      <c r="FR62" s="76"/>
      <c r="FS62" s="76"/>
      <c r="FT62" s="76"/>
      <c r="FU62" s="76"/>
      <c r="FV62" s="76"/>
      <c r="FW62" s="76"/>
      <c r="FX62" s="76"/>
      <c r="FY62" s="76"/>
      <c r="FZ62" s="76"/>
      <c r="GA62" s="76"/>
      <c r="GB62" s="76"/>
      <c r="GC62" s="76"/>
      <c r="GD62" s="76"/>
      <c r="GE62" s="76"/>
      <c r="GF62" s="76"/>
      <c r="GG62" s="76"/>
      <c r="GH62" s="76"/>
      <c r="GI62" s="76"/>
      <c r="GJ62" s="76"/>
      <c r="GK62" s="76"/>
      <c r="GL62" s="76"/>
    </row>
    <row r="63" spans="1:194" s="77" customFormat="1" x14ac:dyDescent="0.15">
      <c r="A63" s="76"/>
      <c r="B63" s="76"/>
      <c r="C63" s="76"/>
      <c r="D63" s="76"/>
      <c r="E63" s="76"/>
      <c r="F63" s="76"/>
      <c r="G63" s="76"/>
      <c r="H63" s="76"/>
      <c r="I63" s="76"/>
      <c r="J63" s="76"/>
      <c r="K63" s="76"/>
      <c r="L63" s="76"/>
      <c r="M63" s="76"/>
      <c r="N63" s="76"/>
      <c r="O63" s="76"/>
      <c r="P63" s="76"/>
      <c r="Q63" s="76"/>
      <c r="R63" s="76"/>
      <c r="S63" s="76"/>
      <c r="T63" s="76"/>
      <c r="U63" s="76"/>
      <c r="V63" s="76"/>
      <c r="W63" s="76"/>
      <c r="X63" s="76"/>
      <c r="Y63" s="76"/>
      <c r="Z63" s="75"/>
      <c r="AA63" s="75"/>
      <c r="AB63" s="75"/>
      <c r="AC63" s="75"/>
      <c r="AD63" s="75"/>
      <c r="AE63" s="75"/>
      <c r="AF63" s="75"/>
      <c r="AG63" s="75"/>
      <c r="AH63" s="75"/>
      <c r="AI63" s="75"/>
      <c r="AJ63" s="75"/>
      <c r="AK63" s="75"/>
      <c r="AL63" s="75"/>
      <c r="AM63" s="75"/>
      <c r="AN63" s="75"/>
      <c r="AO63" s="75"/>
      <c r="AR63" s="76"/>
      <c r="AS63" s="76"/>
      <c r="AT63" s="76"/>
      <c r="AU63" s="76"/>
      <c r="AV63" s="76"/>
      <c r="AW63" s="76"/>
      <c r="AX63" s="76"/>
      <c r="AY63" s="76"/>
      <c r="AZ63" s="76"/>
      <c r="BA63" s="76"/>
      <c r="BB63" s="76"/>
      <c r="BC63" s="76"/>
      <c r="BD63" s="76"/>
      <c r="BE63" s="76"/>
      <c r="BF63" s="76"/>
      <c r="BG63" s="76"/>
      <c r="BH63" s="76"/>
      <c r="BI63" s="76"/>
      <c r="BJ63" s="76"/>
      <c r="BK63" s="76"/>
      <c r="BL63" s="76"/>
      <c r="BM63" s="76"/>
      <c r="BN63" s="76"/>
      <c r="BO63" s="76"/>
      <c r="BP63" s="76"/>
      <c r="BQ63" s="76"/>
      <c r="BR63" s="76"/>
      <c r="BS63" s="76"/>
      <c r="BT63" s="76"/>
      <c r="BU63" s="76"/>
      <c r="BV63" s="76"/>
      <c r="BW63" s="76"/>
      <c r="BX63" s="76"/>
      <c r="BY63" s="76"/>
      <c r="BZ63" s="76"/>
      <c r="CA63" s="76"/>
      <c r="CB63" s="76"/>
      <c r="CC63" s="76"/>
      <c r="CD63" s="76"/>
      <c r="CE63" s="76"/>
      <c r="CF63" s="76"/>
      <c r="CG63" s="76"/>
      <c r="CH63" s="76"/>
      <c r="CI63" s="76"/>
      <c r="CJ63" s="76"/>
      <c r="CK63" s="76"/>
      <c r="CL63" s="76"/>
      <c r="CM63" s="76"/>
      <c r="CN63" s="76"/>
      <c r="CO63" s="76"/>
      <c r="CP63" s="76"/>
      <c r="CQ63" s="76"/>
      <c r="CR63" s="76"/>
      <c r="CS63" s="76"/>
      <c r="CT63" s="76"/>
      <c r="CU63" s="76"/>
      <c r="CV63" s="76"/>
      <c r="CW63" s="76"/>
      <c r="CX63" s="76"/>
      <c r="CY63" s="76"/>
      <c r="CZ63" s="76"/>
      <c r="DA63" s="76"/>
      <c r="DB63" s="76"/>
      <c r="DC63" s="76"/>
      <c r="DD63" s="76"/>
      <c r="DE63" s="76"/>
      <c r="DF63" s="76"/>
      <c r="DG63" s="76"/>
      <c r="DH63" s="76"/>
      <c r="DI63" s="76"/>
      <c r="DJ63" s="76"/>
      <c r="DK63" s="76"/>
      <c r="DL63" s="76"/>
      <c r="DM63" s="76"/>
      <c r="DN63" s="76"/>
      <c r="DO63" s="76"/>
      <c r="DP63" s="76"/>
      <c r="DQ63" s="76"/>
      <c r="DR63" s="76"/>
      <c r="DS63" s="76"/>
      <c r="DT63" s="76"/>
      <c r="DU63" s="76"/>
      <c r="DV63" s="76"/>
      <c r="DW63" s="76"/>
      <c r="DX63" s="76"/>
      <c r="DY63" s="76"/>
      <c r="DZ63" s="76"/>
      <c r="EA63" s="76"/>
      <c r="EB63" s="76"/>
      <c r="EC63" s="76"/>
      <c r="ED63" s="76"/>
      <c r="EE63" s="76"/>
      <c r="EF63" s="76"/>
      <c r="EG63" s="76"/>
      <c r="EH63" s="76"/>
      <c r="EI63" s="76"/>
      <c r="EJ63" s="76"/>
      <c r="EK63" s="76"/>
      <c r="EL63" s="76"/>
      <c r="EM63" s="76"/>
      <c r="EN63" s="76"/>
      <c r="EO63" s="76"/>
      <c r="EP63" s="76"/>
      <c r="EQ63" s="76"/>
      <c r="ER63" s="76"/>
      <c r="ES63" s="76"/>
      <c r="ET63" s="76"/>
      <c r="EU63" s="76"/>
      <c r="EV63" s="76"/>
      <c r="EW63" s="76"/>
      <c r="EX63" s="76"/>
      <c r="EY63" s="76"/>
      <c r="EZ63" s="76"/>
      <c r="FA63" s="76"/>
      <c r="FB63" s="76"/>
      <c r="FC63" s="76"/>
      <c r="FD63" s="76"/>
      <c r="FE63" s="76"/>
      <c r="FF63" s="76"/>
      <c r="FG63" s="76"/>
      <c r="FH63" s="76"/>
      <c r="FI63" s="76"/>
      <c r="FJ63" s="76"/>
      <c r="FK63" s="76"/>
      <c r="FL63" s="76"/>
      <c r="FM63" s="76"/>
      <c r="FN63" s="76"/>
      <c r="FO63" s="76"/>
      <c r="FP63" s="76"/>
      <c r="FQ63" s="76"/>
      <c r="FR63" s="76"/>
      <c r="FS63" s="76"/>
      <c r="FT63" s="76"/>
      <c r="FU63" s="76"/>
      <c r="FV63" s="76"/>
      <c r="FW63" s="76"/>
      <c r="FX63" s="76"/>
      <c r="FY63" s="76"/>
      <c r="FZ63" s="76"/>
      <c r="GA63" s="76"/>
      <c r="GB63" s="76"/>
      <c r="GC63" s="76"/>
      <c r="GD63" s="76"/>
      <c r="GE63" s="76"/>
      <c r="GF63" s="76"/>
      <c r="GG63" s="76"/>
      <c r="GH63" s="76"/>
      <c r="GI63" s="76"/>
      <c r="GJ63" s="76"/>
      <c r="GK63" s="76"/>
      <c r="GL63" s="76"/>
    </row>
    <row r="64" spans="1:194" s="77" customFormat="1" x14ac:dyDescent="0.15">
      <c r="A64" s="76"/>
      <c r="B64" s="76"/>
      <c r="C64" s="76"/>
      <c r="D64" s="76"/>
      <c r="E64" s="76"/>
      <c r="F64" s="76"/>
      <c r="G64" s="76"/>
      <c r="H64" s="76"/>
      <c r="I64" s="76"/>
      <c r="J64" s="76"/>
      <c r="K64" s="76"/>
      <c r="L64" s="76"/>
      <c r="M64" s="76"/>
      <c r="N64" s="76"/>
      <c r="O64" s="76"/>
      <c r="P64" s="76"/>
      <c r="Q64" s="76"/>
      <c r="R64" s="76"/>
      <c r="S64" s="76"/>
      <c r="T64" s="76"/>
      <c r="U64" s="76"/>
      <c r="V64" s="76"/>
      <c r="W64" s="76"/>
      <c r="X64" s="76"/>
      <c r="Y64" s="76"/>
      <c r="Z64" s="75"/>
      <c r="AA64" s="75"/>
      <c r="AB64" s="75"/>
      <c r="AC64" s="75"/>
      <c r="AD64" s="75"/>
      <c r="AE64" s="75"/>
      <c r="AF64" s="75"/>
      <c r="AG64" s="75"/>
      <c r="AH64" s="75"/>
      <c r="AI64" s="75"/>
      <c r="AJ64" s="75"/>
      <c r="AK64" s="75"/>
      <c r="AL64" s="75"/>
      <c r="AM64" s="75"/>
      <c r="AN64" s="75"/>
      <c r="AO64" s="75"/>
      <c r="AR64" s="76"/>
      <c r="AS64" s="76"/>
      <c r="AT64" s="76"/>
      <c r="AU64" s="76"/>
      <c r="AV64" s="76"/>
      <c r="AW64" s="76"/>
      <c r="AX64" s="76"/>
      <c r="AY64" s="76"/>
      <c r="AZ64" s="76"/>
      <c r="BA64" s="76"/>
      <c r="BB64" s="76"/>
      <c r="BC64" s="76"/>
      <c r="BD64" s="76"/>
      <c r="BE64" s="76"/>
      <c r="BF64" s="76"/>
      <c r="BG64" s="76"/>
      <c r="BH64" s="76"/>
      <c r="BI64" s="76"/>
      <c r="BJ64" s="76"/>
      <c r="BK64" s="76"/>
      <c r="BL64" s="76"/>
      <c r="BM64" s="76"/>
      <c r="BN64" s="76"/>
      <c r="BO64" s="76"/>
      <c r="BP64" s="76"/>
      <c r="BQ64" s="76"/>
      <c r="BR64" s="76"/>
      <c r="BS64" s="76"/>
      <c r="BT64" s="76"/>
      <c r="BU64" s="76"/>
      <c r="BV64" s="76"/>
      <c r="BW64" s="76"/>
      <c r="BX64" s="76"/>
      <c r="BY64" s="76"/>
      <c r="BZ64" s="76"/>
      <c r="CA64" s="76"/>
      <c r="CB64" s="76"/>
      <c r="CC64" s="76"/>
      <c r="CD64" s="76"/>
      <c r="CE64" s="76"/>
      <c r="CF64" s="76"/>
      <c r="CG64" s="76"/>
      <c r="CH64" s="76"/>
      <c r="CI64" s="76"/>
      <c r="CJ64" s="76"/>
      <c r="CK64" s="76"/>
      <c r="CL64" s="76"/>
      <c r="CM64" s="76"/>
      <c r="CN64" s="76"/>
      <c r="CO64" s="76"/>
      <c r="CP64" s="76"/>
      <c r="CQ64" s="76"/>
      <c r="CR64" s="76"/>
      <c r="CS64" s="76"/>
      <c r="CT64" s="76"/>
      <c r="CU64" s="76"/>
      <c r="CV64" s="76"/>
      <c r="CW64" s="76"/>
      <c r="CX64" s="76"/>
      <c r="CY64" s="76"/>
      <c r="CZ64" s="76"/>
      <c r="DA64" s="76"/>
      <c r="DB64" s="76"/>
      <c r="DC64" s="76"/>
      <c r="DD64" s="76"/>
      <c r="DE64" s="76"/>
      <c r="DF64" s="76"/>
      <c r="DG64" s="76"/>
      <c r="DH64" s="76"/>
      <c r="DI64" s="76"/>
      <c r="DJ64" s="76"/>
      <c r="DK64" s="76"/>
      <c r="DL64" s="76"/>
      <c r="DM64" s="76"/>
      <c r="DN64" s="76"/>
      <c r="DO64" s="76"/>
      <c r="DP64" s="76"/>
      <c r="DQ64" s="76"/>
      <c r="DR64" s="76"/>
      <c r="DS64" s="76"/>
      <c r="DT64" s="76"/>
      <c r="DU64" s="76"/>
      <c r="DV64" s="76"/>
      <c r="DW64" s="76"/>
      <c r="DX64" s="76"/>
      <c r="DY64" s="76"/>
      <c r="DZ64" s="76"/>
      <c r="EA64" s="76"/>
      <c r="EB64" s="76"/>
      <c r="EC64" s="76"/>
      <c r="ED64" s="76"/>
      <c r="EE64" s="76"/>
      <c r="EF64" s="76"/>
      <c r="EG64" s="76"/>
      <c r="EH64" s="76"/>
      <c r="EI64" s="76"/>
      <c r="EJ64" s="76"/>
      <c r="EK64" s="76"/>
      <c r="EL64" s="76"/>
      <c r="EM64" s="76"/>
      <c r="EN64" s="76"/>
      <c r="EO64" s="76"/>
      <c r="EP64" s="76"/>
      <c r="EQ64" s="76"/>
      <c r="ER64" s="76"/>
      <c r="ES64" s="76"/>
      <c r="ET64" s="76"/>
      <c r="EU64" s="76"/>
      <c r="EV64" s="76"/>
      <c r="EW64" s="76"/>
      <c r="EX64" s="76"/>
      <c r="EY64" s="76"/>
      <c r="EZ64" s="76"/>
      <c r="FA64" s="76"/>
      <c r="FB64" s="76"/>
      <c r="FC64" s="76"/>
      <c r="FD64" s="76"/>
      <c r="FE64" s="76"/>
      <c r="FF64" s="76"/>
      <c r="FG64" s="76"/>
      <c r="FH64" s="76"/>
      <c r="FI64" s="76"/>
      <c r="FJ64" s="76"/>
      <c r="FK64" s="76"/>
      <c r="FL64" s="76"/>
      <c r="FM64" s="76"/>
      <c r="FN64" s="76"/>
      <c r="FO64" s="76"/>
      <c r="FP64" s="76"/>
      <c r="FQ64" s="76"/>
      <c r="FR64" s="76"/>
      <c r="FS64" s="76"/>
      <c r="FT64" s="76"/>
      <c r="FU64" s="76"/>
      <c r="FV64" s="76"/>
      <c r="FW64" s="76"/>
      <c r="FX64" s="76"/>
      <c r="FY64" s="76"/>
      <c r="FZ64" s="76"/>
      <c r="GA64" s="76"/>
      <c r="GB64" s="76"/>
      <c r="GC64" s="76"/>
      <c r="GD64" s="76"/>
      <c r="GE64" s="76"/>
      <c r="GF64" s="76"/>
      <c r="GG64" s="76"/>
      <c r="GH64" s="76"/>
      <c r="GI64" s="76"/>
      <c r="GJ64" s="76"/>
      <c r="GK64" s="76"/>
      <c r="GL64" s="76"/>
    </row>
    <row r="65" spans="1:194" s="77" customFormat="1" x14ac:dyDescent="0.15">
      <c r="A65" s="76"/>
      <c r="B65" s="76"/>
      <c r="C65" s="76"/>
      <c r="D65" s="76"/>
      <c r="E65" s="76"/>
      <c r="F65" s="76"/>
      <c r="G65" s="76"/>
      <c r="H65" s="76"/>
      <c r="I65" s="76"/>
      <c r="J65" s="76"/>
      <c r="K65" s="76"/>
      <c r="L65" s="76"/>
      <c r="M65" s="76"/>
      <c r="N65" s="76"/>
      <c r="O65" s="76"/>
      <c r="P65" s="76"/>
      <c r="Q65" s="76"/>
      <c r="R65" s="76"/>
      <c r="S65" s="76"/>
      <c r="T65" s="76"/>
      <c r="U65" s="76"/>
      <c r="V65" s="76"/>
      <c r="W65" s="76"/>
      <c r="X65" s="76"/>
      <c r="Y65" s="76"/>
      <c r="Z65" s="75"/>
      <c r="AA65" s="75"/>
      <c r="AB65" s="75"/>
      <c r="AC65" s="75"/>
      <c r="AD65" s="75"/>
      <c r="AE65" s="75"/>
      <c r="AF65" s="75"/>
      <c r="AG65" s="75"/>
      <c r="AH65" s="75"/>
      <c r="AI65" s="75"/>
      <c r="AJ65" s="75"/>
      <c r="AK65" s="75"/>
      <c r="AL65" s="75"/>
      <c r="AM65" s="75"/>
      <c r="AN65" s="75"/>
      <c r="AO65" s="75"/>
      <c r="AR65" s="76"/>
      <c r="AS65" s="76"/>
      <c r="AT65" s="76"/>
      <c r="AU65" s="76"/>
      <c r="AV65" s="76"/>
      <c r="AW65" s="76"/>
      <c r="AX65" s="76"/>
      <c r="AY65" s="76"/>
      <c r="AZ65" s="76"/>
      <c r="BA65" s="76"/>
      <c r="BB65" s="76"/>
      <c r="BC65" s="76"/>
      <c r="BD65" s="76"/>
      <c r="BE65" s="76"/>
      <c r="BF65" s="76"/>
      <c r="BG65" s="76"/>
      <c r="BH65" s="76"/>
      <c r="BI65" s="76"/>
      <c r="BJ65" s="76"/>
      <c r="BK65" s="76"/>
      <c r="BL65" s="76"/>
      <c r="BM65" s="76"/>
      <c r="BN65" s="76"/>
      <c r="BO65" s="76"/>
      <c r="BP65" s="76"/>
      <c r="BQ65" s="76"/>
      <c r="BR65" s="76"/>
      <c r="BS65" s="76"/>
      <c r="BT65" s="76"/>
      <c r="BU65" s="76"/>
      <c r="BV65" s="76"/>
      <c r="BW65" s="76"/>
      <c r="BX65" s="76"/>
      <c r="BY65" s="76"/>
      <c r="BZ65" s="76"/>
      <c r="CA65" s="76"/>
      <c r="CB65" s="76"/>
      <c r="CC65" s="76"/>
      <c r="CD65" s="76"/>
      <c r="CE65" s="76"/>
      <c r="CF65" s="76"/>
      <c r="CG65" s="76"/>
      <c r="CH65" s="76"/>
      <c r="CI65" s="76"/>
      <c r="CJ65" s="76"/>
      <c r="CK65" s="76"/>
      <c r="CL65" s="76"/>
      <c r="CM65" s="76"/>
      <c r="CN65" s="76"/>
      <c r="CO65" s="76"/>
      <c r="CP65" s="76"/>
      <c r="CQ65" s="76"/>
      <c r="CR65" s="76"/>
      <c r="CS65" s="76"/>
      <c r="CT65" s="76"/>
      <c r="CU65" s="76"/>
      <c r="CV65" s="76"/>
      <c r="CW65" s="76"/>
      <c r="CX65" s="76"/>
      <c r="CY65" s="76"/>
      <c r="CZ65" s="76"/>
      <c r="DA65" s="76"/>
      <c r="DB65" s="76"/>
      <c r="DC65" s="76"/>
      <c r="DD65" s="76"/>
      <c r="DE65" s="76"/>
      <c r="DF65" s="76"/>
      <c r="DG65" s="76"/>
      <c r="DH65" s="76"/>
      <c r="DI65" s="76"/>
      <c r="DJ65" s="76"/>
      <c r="DK65" s="76"/>
      <c r="DL65" s="76"/>
      <c r="DM65" s="76"/>
      <c r="DN65" s="76"/>
      <c r="DO65" s="76"/>
      <c r="DP65" s="76"/>
      <c r="DQ65" s="76"/>
      <c r="DR65" s="76"/>
      <c r="DS65" s="76"/>
      <c r="DT65" s="76"/>
      <c r="DU65" s="76"/>
      <c r="DV65" s="76"/>
      <c r="DW65" s="76"/>
      <c r="DX65" s="76"/>
      <c r="DY65" s="76"/>
      <c r="DZ65" s="76"/>
      <c r="EA65" s="76"/>
      <c r="EB65" s="76"/>
      <c r="EC65" s="76"/>
      <c r="ED65" s="76"/>
      <c r="EE65" s="76"/>
      <c r="EF65" s="76"/>
      <c r="EG65" s="76"/>
      <c r="EH65" s="76"/>
      <c r="EI65" s="76"/>
      <c r="EJ65" s="76"/>
      <c r="EK65" s="76"/>
      <c r="EL65" s="76"/>
      <c r="EM65" s="76"/>
      <c r="EN65" s="76"/>
      <c r="EO65" s="76"/>
      <c r="EP65" s="76"/>
      <c r="EQ65" s="76"/>
      <c r="ER65" s="76"/>
      <c r="ES65" s="76"/>
      <c r="ET65" s="76"/>
      <c r="EU65" s="76"/>
      <c r="EV65" s="76"/>
      <c r="EW65" s="76"/>
      <c r="EX65" s="76"/>
      <c r="EY65" s="76"/>
      <c r="EZ65" s="76"/>
      <c r="FA65" s="76"/>
      <c r="FB65" s="76"/>
      <c r="FC65" s="76"/>
      <c r="FD65" s="76"/>
      <c r="FE65" s="76"/>
      <c r="FF65" s="76"/>
      <c r="FG65" s="76"/>
      <c r="FH65" s="76"/>
      <c r="FI65" s="76"/>
      <c r="FJ65" s="76"/>
      <c r="FK65" s="76"/>
      <c r="FL65" s="76"/>
      <c r="FM65" s="76"/>
      <c r="FN65" s="76"/>
      <c r="FO65" s="76"/>
      <c r="FP65" s="76"/>
      <c r="FQ65" s="76"/>
      <c r="FR65" s="76"/>
      <c r="FS65" s="76"/>
      <c r="FT65" s="76"/>
      <c r="FU65" s="76"/>
      <c r="FV65" s="76"/>
      <c r="FW65" s="76"/>
      <c r="FX65" s="76"/>
      <c r="FY65" s="76"/>
      <c r="FZ65" s="76"/>
      <c r="GA65" s="76"/>
      <c r="GB65" s="76"/>
      <c r="GC65" s="76"/>
      <c r="GD65" s="76"/>
      <c r="GE65" s="76"/>
      <c r="GF65" s="76"/>
      <c r="GG65" s="76"/>
      <c r="GH65" s="76"/>
      <c r="GI65" s="76"/>
      <c r="GJ65" s="76"/>
      <c r="GK65" s="76"/>
      <c r="GL65" s="76"/>
    </row>
    <row r="66" spans="1:194" s="77" customFormat="1" x14ac:dyDescent="0.15">
      <c r="A66" s="76"/>
      <c r="B66" s="76"/>
      <c r="C66" s="76"/>
      <c r="D66" s="76"/>
      <c r="E66" s="76"/>
      <c r="F66" s="76"/>
      <c r="G66" s="76"/>
      <c r="H66" s="76"/>
      <c r="I66" s="76"/>
      <c r="J66" s="76"/>
      <c r="K66" s="76"/>
      <c r="L66" s="76"/>
      <c r="M66" s="76"/>
      <c r="N66" s="76"/>
      <c r="O66" s="76"/>
      <c r="P66" s="76"/>
      <c r="Q66" s="76"/>
      <c r="R66" s="76"/>
      <c r="S66" s="76"/>
      <c r="T66" s="76"/>
      <c r="U66" s="76"/>
      <c r="V66" s="76"/>
      <c r="W66" s="76"/>
      <c r="X66" s="76"/>
      <c r="Y66" s="76"/>
      <c r="Z66" s="75"/>
      <c r="AA66" s="75"/>
      <c r="AB66" s="75"/>
      <c r="AC66" s="75"/>
      <c r="AD66" s="75"/>
      <c r="AE66" s="75"/>
      <c r="AF66" s="75"/>
      <c r="AG66" s="75"/>
      <c r="AH66" s="75"/>
      <c r="AI66" s="75"/>
      <c r="AJ66" s="75"/>
      <c r="AK66" s="75"/>
      <c r="AL66" s="75"/>
      <c r="AM66" s="75"/>
      <c r="AN66" s="75"/>
      <c r="AO66" s="75"/>
      <c r="AR66" s="76"/>
      <c r="AS66" s="76"/>
      <c r="AT66" s="76"/>
      <c r="AU66" s="76"/>
      <c r="AV66" s="76"/>
      <c r="AW66" s="76"/>
      <c r="AX66" s="76"/>
      <c r="AY66" s="76"/>
      <c r="AZ66" s="76"/>
      <c r="BA66" s="76"/>
      <c r="BB66" s="76"/>
      <c r="BC66" s="76"/>
      <c r="BD66" s="76"/>
      <c r="BE66" s="76"/>
      <c r="BF66" s="76"/>
      <c r="BG66" s="76"/>
      <c r="BH66" s="76"/>
      <c r="BI66" s="76"/>
      <c r="BJ66" s="76"/>
      <c r="BK66" s="76"/>
      <c r="BL66" s="76"/>
      <c r="BM66" s="76"/>
      <c r="BN66" s="76"/>
      <c r="BO66" s="76"/>
      <c r="BP66" s="76"/>
      <c r="BQ66" s="76"/>
      <c r="BR66" s="76"/>
      <c r="BS66" s="76"/>
      <c r="BT66" s="76"/>
      <c r="BU66" s="76"/>
      <c r="BV66" s="76"/>
      <c r="BW66" s="76"/>
      <c r="BX66" s="76"/>
      <c r="BY66" s="76"/>
      <c r="BZ66" s="76"/>
      <c r="CA66" s="76"/>
      <c r="CB66" s="76"/>
      <c r="CC66" s="76"/>
      <c r="CD66" s="76"/>
      <c r="CE66" s="76"/>
      <c r="CF66" s="76"/>
      <c r="CG66" s="76"/>
      <c r="CH66" s="76"/>
      <c r="CI66" s="76"/>
      <c r="CJ66" s="76"/>
      <c r="CK66" s="76"/>
      <c r="CL66" s="76"/>
      <c r="CM66" s="76"/>
      <c r="CN66" s="76"/>
      <c r="CO66" s="76"/>
      <c r="CP66" s="76"/>
      <c r="CQ66" s="76"/>
      <c r="CR66" s="76"/>
      <c r="CS66" s="76"/>
      <c r="CT66" s="76"/>
      <c r="CU66" s="76"/>
      <c r="CV66" s="76"/>
      <c r="CW66" s="76"/>
      <c r="CX66" s="76"/>
      <c r="CY66" s="76"/>
      <c r="CZ66" s="76"/>
      <c r="DA66" s="76"/>
      <c r="DB66" s="76"/>
      <c r="DC66" s="76"/>
      <c r="DD66" s="76"/>
      <c r="DE66" s="76"/>
      <c r="DF66" s="76"/>
      <c r="DG66" s="76"/>
      <c r="DH66" s="76"/>
      <c r="DI66" s="76"/>
      <c r="DJ66" s="76"/>
      <c r="DK66" s="76"/>
      <c r="DL66" s="76"/>
      <c r="DM66" s="76"/>
      <c r="DN66" s="76"/>
      <c r="DO66" s="76"/>
      <c r="DP66" s="76"/>
      <c r="DQ66" s="76"/>
      <c r="DR66" s="76"/>
      <c r="DS66" s="76"/>
      <c r="DT66" s="76"/>
      <c r="DU66" s="76"/>
      <c r="DV66" s="76"/>
      <c r="DW66" s="76"/>
      <c r="DX66" s="76"/>
      <c r="DY66" s="76"/>
      <c r="DZ66" s="76"/>
      <c r="EA66" s="76"/>
      <c r="EB66" s="76"/>
      <c r="EC66" s="76"/>
      <c r="ED66" s="76"/>
      <c r="EE66" s="76"/>
      <c r="EF66" s="76"/>
      <c r="EG66" s="76"/>
      <c r="EH66" s="76"/>
      <c r="EI66" s="76"/>
      <c r="EJ66" s="76"/>
      <c r="EK66" s="76"/>
      <c r="EL66" s="76"/>
      <c r="EM66" s="76"/>
      <c r="EN66" s="76"/>
      <c r="EO66" s="76"/>
      <c r="EP66" s="76"/>
      <c r="EQ66" s="76"/>
      <c r="ER66" s="76"/>
      <c r="ES66" s="76"/>
      <c r="ET66" s="76"/>
      <c r="EU66" s="76"/>
      <c r="EV66" s="76"/>
      <c r="EW66" s="76"/>
      <c r="EX66" s="76"/>
      <c r="EY66" s="76"/>
      <c r="EZ66" s="76"/>
      <c r="FA66" s="76"/>
      <c r="FB66" s="76"/>
      <c r="FC66" s="76"/>
      <c r="FD66" s="76"/>
      <c r="FE66" s="76"/>
      <c r="FF66" s="76"/>
      <c r="FG66" s="76"/>
      <c r="FH66" s="76"/>
      <c r="FI66" s="76"/>
      <c r="FJ66" s="76"/>
      <c r="FK66" s="76"/>
      <c r="FL66" s="76"/>
      <c r="FM66" s="76"/>
      <c r="FN66" s="76"/>
      <c r="FO66" s="76"/>
      <c r="FP66" s="76"/>
      <c r="FQ66" s="76"/>
      <c r="FR66" s="76"/>
      <c r="FS66" s="76"/>
      <c r="FT66" s="76"/>
      <c r="FU66" s="76"/>
      <c r="FV66" s="76"/>
      <c r="FW66" s="76"/>
      <c r="FX66" s="76"/>
      <c r="FY66" s="76"/>
      <c r="FZ66" s="76"/>
      <c r="GA66" s="76"/>
      <c r="GB66" s="76"/>
      <c r="GC66" s="76"/>
      <c r="GD66" s="76"/>
      <c r="GE66" s="76"/>
      <c r="GF66" s="76"/>
      <c r="GG66" s="76"/>
      <c r="GH66" s="76"/>
      <c r="GI66" s="76"/>
      <c r="GJ66" s="76"/>
      <c r="GK66" s="76"/>
      <c r="GL66" s="76"/>
    </row>
    <row r="67" spans="1:194" s="77" customFormat="1" x14ac:dyDescent="0.15">
      <c r="A67" s="76"/>
      <c r="B67" s="76"/>
      <c r="C67" s="76"/>
      <c r="D67" s="76"/>
      <c r="E67" s="76"/>
      <c r="F67" s="76"/>
      <c r="G67" s="76"/>
      <c r="H67" s="76"/>
      <c r="I67" s="76"/>
      <c r="J67" s="76"/>
      <c r="K67" s="76"/>
      <c r="L67" s="76"/>
      <c r="M67" s="76"/>
      <c r="N67" s="76"/>
      <c r="O67" s="76"/>
      <c r="P67" s="76"/>
      <c r="Q67" s="76"/>
      <c r="R67" s="76"/>
      <c r="S67" s="76"/>
      <c r="T67" s="76"/>
      <c r="U67" s="76"/>
      <c r="V67" s="76"/>
      <c r="W67" s="76"/>
      <c r="X67" s="76"/>
      <c r="Y67" s="76"/>
      <c r="Z67" s="75"/>
      <c r="AA67" s="75"/>
      <c r="AB67" s="75"/>
      <c r="AC67" s="75"/>
      <c r="AD67" s="75"/>
      <c r="AE67" s="75"/>
      <c r="AF67" s="75"/>
      <c r="AG67" s="75"/>
      <c r="AH67" s="75"/>
      <c r="AI67" s="75"/>
      <c r="AJ67" s="75"/>
      <c r="AK67" s="75"/>
      <c r="AL67" s="75"/>
      <c r="AM67" s="75"/>
      <c r="AN67" s="75"/>
      <c r="AO67" s="75"/>
      <c r="AR67" s="76"/>
      <c r="AS67" s="76"/>
      <c r="AT67" s="76"/>
      <c r="AU67" s="76"/>
      <c r="AV67" s="76"/>
      <c r="AW67" s="76"/>
      <c r="AX67" s="76"/>
      <c r="AY67" s="76"/>
      <c r="AZ67" s="76"/>
      <c r="BA67" s="76"/>
      <c r="BB67" s="76"/>
      <c r="BC67" s="76"/>
      <c r="BD67" s="76"/>
      <c r="BE67" s="76"/>
      <c r="BF67" s="76"/>
      <c r="BG67" s="76"/>
      <c r="BH67" s="76"/>
      <c r="BI67" s="76"/>
      <c r="BJ67" s="76"/>
      <c r="BK67" s="76"/>
      <c r="BL67" s="76"/>
      <c r="BM67" s="76"/>
      <c r="BN67" s="76"/>
      <c r="BO67" s="76"/>
      <c r="BP67" s="76"/>
      <c r="BQ67" s="76"/>
      <c r="BR67" s="76"/>
      <c r="BS67" s="76"/>
      <c r="BT67" s="76"/>
      <c r="BU67" s="76"/>
      <c r="BV67" s="76"/>
      <c r="BW67" s="76"/>
      <c r="BX67" s="76"/>
      <c r="BY67" s="76"/>
      <c r="BZ67" s="76"/>
      <c r="CA67" s="76"/>
      <c r="CB67" s="76"/>
      <c r="CC67" s="76"/>
      <c r="CD67" s="76"/>
      <c r="CE67" s="76"/>
      <c r="CF67" s="76"/>
      <c r="CG67" s="76"/>
      <c r="CH67" s="76"/>
      <c r="CI67" s="76"/>
      <c r="CJ67" s="76"/>
      <c r="CK67" s="76"/>
      <c r="CL67" s="76"/>
      <c r="CM67" s="76"/>
      <c r="CN67" s="76"/>
      <c r="CO67" s="76"/>
      <c r="CP67" s="76"/>
      <c r="CQ67" s="76"/>
      <c r="CR67" s="76"/>
      <c r="CS67" s="76"/>
      <c r="CT67" s="76"/>
      <c r="CU67" s="76"/>
      <c r="CV67" s="76"/>
      <c r="CW67" s="76"/>
      <c r="CX67" s="76"/>
      <c r="CY67" s="76"/>
      <c r="CZ67" s="76"/>
      <c r="DA67" s="76"/>
      <c r="DB67" s="76"/>
      <c r="DC67" s="76"/>
      <c r="DD67" s="76"/>
      <c r="DE67" s="76"/>
      <c r="DF67" s="76"/>
      <c r="DG67" s="76"/>
      <c r="DH67" s="76"/>
      <c r="DI67" s="76"/>
      <c r="DJ67" s="76"/>
      <c r="DK67" s="76"/>
      <c r="DL67" s="76"/>
      <c r="DM67" s="76"/>
      <c r="DN67" s="76"/>
      <c r="DO67" s="76"/>
      <c r="DP67" s="76"/>
      <c r="DQ67" s="76"/>
      <c r="DR67" s="76"/>
      <c r="DS67" s="76"/>
      <c r="DT67" s="76"/>
      <c r="DU67" s="76"/>
      <c r="DV67" s="76"/>
      <c r="DW67" s="76"/>
      <c r="DX67" s="76"/>
      <c r="DY67" s="76"/>
      <c r="DZ67" s="76"/>
      <c r="EA67" s="76"/>
      <c r="EB67" s="76"/>
      <c r="EC67" s="76"/>
      <c r="ED67" s="76"/>
      <c r="EE67" s="76"/>
      <c r="EF67" s="76"/>
      <c r="EG67" s="76"/>
      <c r="EH67" s="76"/>
      <c r="EI67" s="76"/>
      <c r="EJ67" s="76"/>
      <c r="EK67" s="76"/>
      <c r="EL67" s="76"/>
      <c r="EM67" s="76"/>
      <c r="EN67" s="76"/>
      <c r="EO67" s="76"/>
      <c r="EP67" s="76"/>
      <c r="EQ67" s="76"/>
      <c r="ER67" s="76"/>
      <c r="ES67" s="76"/>
      <c r="ET67" s="76"/>
      <c r="EU67" s="76"/>
      <c r="EV67" s="76"/>
      <c r="EW67" s="76"/>
      <c r="EX67" s="76"/>
      <c r="EY67" s="76"/>
      <c r="EZ67" s="76"/>
      <c r="FA67" s="76"/>
      <c r="FB67" s="76"/>
      <c r="FC67" s="76"/>
      <c r="FD67" s="76"/>
      <c r="FE67" s="76"/>
      <c r="FF67" s="76"/>
      <c r="FG67" s="76"/>
      <c r="FH67" s="76"/>
      <c r="FI67" s="76"/>
      <c r="FJ67" s="76"/>
      <c r="FK67" s="76"/>
      <c r="FL67" s="76"/>
      <c r="FM67" s="76"/>
      <c r="FN67" s="76"/>
      <c r="FO67" s="76"/>
      <c r="FP67" s="76"/>
      <c r="FQ67" s="76"/>
      <c r="FR67" s="76"/>
      <c r="FS67" s="76"/>
      <c r="FT67" s="76"/>
      <c r="FU67" s="76"/>
      <c r="FV67" s="76"/>
      <c r="FW67" s="76"/>
      <c r="FX67" s="76"/>
      <c r="FY67" s="76"/>
      <c r="FZ67" s="76"/>
      <c r="GA67" s="76"/>
      <c r="GB67" s="76"/>
      <c r="GC67" s="76"/>
      <c r="GD67" s="76"/>
      <c r="GE67" s="76"/>
      <c r="GF67" s="76"/>
      <c r="GG67" s="76"/>
      <c r="GH67" s="76"/>
      <c r="GI67" s="76"/>
      <c r="GJ67" s="76"/>
      <c r="GK67" s="76"/>
      <c r="GL67" s="76"/>
    </row>
    <row r="68" spans="1:194" s="77" customFormat="1" x14ac:dyDescent="0.15">
      <c r="A68" s="76"/>
      <c r="B68" s="76"/>
      <c r="C68" s="76"/>
      <c r="D68" s="76"/>
      <c r="E68" s="76"/>
      <c r="F68" s="76"/>
      <c r="G68" s="76"/>
      <c r="H68" s="76"/>
      <c r="I68" s="76"/>
      <c r="J68" s="76"/>
      <c r="K68" s="76"/>
      <c r="L68" s="76"/>
      <c r="M68" s="76"/>
      <c r="N68" s="76"/>
      <c r="O68" s="76"/>
      <c r="P68" s="76"/>
      <c r="Q68" s="76"/>
      <c r="R68" s="76"/>
      <c r="S68" s="76"/>
      <c r="T68" s="76"/>
      <c r="U68" s="76"/>
      <c r="V68" s="76"/>
      <c r="W68" s="76"/>
      <c r="X68" s="76"/>
      <c r="Y68" s="76"/>
      <c r="Z68" s="75"/>
      <c r="AA68" s="75"/>
      <c r="AB68" s="75"/>
      <c r="AC68" s="75"/>
      <c r="AD68" s="75"/>
      <c r="AE68" s="75"/>
      <c r="AF68" s="75"/>
      <c r="AG68" s="75"/>
      <c r="AH68" s="75"/>
      <c r="AI68" s="75"/>
      <c r="AJ68" s="75"/>
      <c r="AK68" s="75"/>
      <c r="AL68" s="75"/>
      <c r="AM68" s="75"/>
      <c r="AN68" s="75"/>
      <c r="AO68" s="75"/>
      <c r="AR68" s="76"/>
      <c r="AS68" s="76"/>
      <c r="AT68" s="76"/>
      <c r="AU68" s="76"/>
      <c r="AV68" s="76"/>
      <c r="AW68" s="76"/>
      <c r="AX68" s="76"/>
      <c r="AY68" s="76"/>
      <c r="AZ68" s="76"/>
      <c r="BA68" s="76"/>
      <c r="BB68" s="76"/>
      <c r="BC68" s="76"/>
      <c r="BD68" s="76"/>
      <c r="BE68" s="76"/>
      <c r="BF68" s="76"/>
      <c r="BG68" s="76"/>
      <c r="BH68" s="76"/>
      <c r="BI68" s="76"/>
      <c r="BJ68" s="76"/>
      <c r="BK68" s="76"/>
      <c r="BL68" s="76"/>
      <c r="BM68" s="76"/>
      <c r="BN68" s="76"/>
      <c r="BO68" s="76"/>
      <c r="BP68" s="76"/>
      <c r="BQ68" s="76"/>
      <c r="BR68" s="76"/>
      <c r="BS68" s="76"/>
      <c r="BT68" s="76"/>
      <c r="BU68" s="76"/>
      <c r="BV68" s="76"/>
      <c r="BW68" s="76"/>
      <c r="BX68" s="76"/>
      <c r="BY68" s="76"/>
      <c r="BZ68" s="76"/>
      <c r="CA68" s="76"/>
      <c r="CB68" s="76"/>
      <c r="CC68" s="76"/>
      <c r="CD68" s="76"/>
      <c r="CE68" s="76"/>
      <c r="CF68" s="76"/>
      <c r="CG68" s="76"/>
      <c r="CH68" s="76"/>
      <c r="CI68" s="76"/>
      <c r="CJ68" s="76"/>
      <c r="CK68" s="76"/>
      <c r="CL68" s="76"/>
      <c r="CM68" s="76"/>
      <c r="CN68" s="76"/>
      <c r="CO68" s="76"/>
      <c r="CP68" s="76"/>
      <c r="CQ68" s="76"/>
      <c r="CR68" s="76"/>
      <c r="CS68" s="76"/>
      <c r="CT68" s="76"/>
      <c r="CU68" s="76"/>
      <c r="CV68" s="76"/>
      <c r="CW68" s="76"/>
      <c r="CX68" s="76"/>
      <c r="CY68" s="76"/>
      <c r="CZ68" s="76"/>
      <c r="DA68" s="76"/>
      <c r="DB68" s="76"/>
      <c r="DC68" s="76"/>
      <c r="DD68" s="76"/>
      <c r="DE68" s="76"/>
      <c r="DF68" s="76"/>
      <c r="DG68" s="76"/>
      <c r="DH68" s="76"/>
      <c r="DI68" s="76"/>
      <c r="DJ68" s="76"/>
      <c r="DK68" s="76"/>
      <c r="DL68" s="76"/>
      <c r="DM68" s="76"/>
      <c r="DN68" s="76"/>
      <c r="DO68" s="76"/>
      <c r="DP68" s="76"/>
      <c r="DQ68" s="76"/>
      <c r="DR68" s="76"/>
      <c r="DS68" s="76"/>
      <c r="DT68" s="76"/>
      <c r="DU68" s="76"/>
      <c r="DV68" s="76"/>
      <c r="DW68" s="76"/>
      <c r="DX68" s="76"/>
      <c r="DY68" s="76"/>
      <c r="DZ68" s="76"/>
      <c r="EA68" s="76"/>
      <c r="EB68" s="76"/>
      <c r="EC68" s="76"/>
      <c r="ED68" s="76"/>
      <c r="EE68" s="76"/>
      <c r="EF68" s="76"/>
      <c r="EG68" s="76"/>
      <c r="EH68" s="76"/>
      <c r="EI68" s="76"/>
      <c r="EJ68" s="76"/>
      <c r="EK68" s="76"/>
      <c r="EL68" s="76"/>
      <c r="EM68" s="76"/>
      <c r="EN68" s="76"/>
      <c r="EO68" s="76"/>
      <c r="EP68" s="76"/>
      <c r="EQ68" s="76"/>
      <c r="ER68" s="76"/>
      <c r="ES68" s="76"/>
      <c r="ET68" s="76"/>
      <c r="EU68" s="76"/>
      <c r="EV68" s="76"/>
      <c r="EW68" s="76"/>
      <c r="EX68" s="76"/>
      <c r="EY68" s="76"/>
      <c r="EZ68" s="76"/>
      <c r="FA68" s="76"/>
      <c r="FB68" s="76"/>
      <c r="FC68" s="76"/>
      <c r="FD68" s="76"/>
      <c r="FE68" s="76"/>
      <c r="FF68" s="76"/>
      <c r="FG68" s="76"/>
      <c r="FH68" s="76"/>
      <c r="FI68" s="76"/>
      <c r="FJ68" s="76"/>
      <c r="FK68" s="76"/>
      <c r="FL68" s="76"/>
      <c r="FM68" s="76"/>
      <c r="FN68" s="76"/>
      <c r="FO68" s="76"/>
      <c r="FP68" s="76"/>
      <c r="FQ68" s="76"/>
      <c r="FR68" s="76"/>
      <c r="FS68" s="76"/>
      <c r="FT68" s="76"/>
      <c r="FU68" s="76"/>
      <c r="FV68" s="76"/>
      <c r="FW68" s="76"/>
      <c r="FX68" s="76"/>
      <c r="FY68" s="76"/>
      <c r="FZ68" s="76"/>
      <c r="GA68" s="76"/>
      <c r="GB68" s="76"/>
      <c r="GC68" s="76"/>
      <c r="GD68" s="76"/>
      <c r="GE68" s="76"/>
      <c r="GF68" s="76"/>
      <c r="GG68" s="76"/>
      <c r="GH68" s="76"/>
      <c r="GI68" s="76"/>
      <c r="GJ68" s="76"/>
      <c r="GK68" s="76"/>
      <c r="GL68" s="76"/>
    </row>
    <row r="69" spans="1:194" s="77" customFormat="1" x14ac:dyDescent="0.15">
      <c r="A69" s="76"/>
      <c r="B69" s="76"/>
      <c r="C69" s="76"/>
      <c r="D69" s="76"/>
      <c r="E69" s="76"/>
      <c r="F69" s="76"/>
      <c r="G69" s="76"/>
      <c r="H69" s="76"/>
      <c r="I69" s="76"/>
      <c r="J69" s="76"/>
      <c r="K69" s="76"/>
      <c r="L69" s="76"/>
      <c r="M69" s="76"/>
      <c r="N69" s="76"/>
      <c r="O69" s="76"/>
      <c r="P69" s="76"/>
      <c r="Q69" s="76"/>
      <c r="R69" s="76"/>
      <c r="S69" s="76"/>
      <c r="T69" s="76"/>
      <c r="U69" s="76"/>
      <c r="V69" s="76"/>
      <c r="W69" s="76"/>
      <c r="X69" s="76"/>
      <c r="Y69" s="76"/>
      <c r="Z69" s="75"/>
      <c r="AA69" s="75"/>
      <c r="AB69" s="75"/>
      <c r="AC69" s="75"/>
      <c r="AD69" s="75"/>
      <c r="AE69" s="75"/>
      <c r="AF69" s="75"/>
      <c r="AG69" s="75"/>
      <c r="AH69" s="75"/>
      <c r="AI69" s="75"/>
      <c r="AJ69" s="75"/>
      <c r="AK69" s="75"/>
      <c r="AL69" s="75"/>
      <c r="AM69" s="75"/>
      <c r="AN69" s="75"/>
      <c r="AO69" s="75"/>
      <c r="AR69" s="76"/>
      <c r="AS69" s="76"/>
      <c r="AT69" s="76"/>
      <c r="AU69" s="76"/>
      <c r="AV69" s="76"/>
      <c r="AW69" s="76"/>
      <c r="AX69" s="76"/>
      <c r="AY69" s="76"/>
      <c r="AZ69" s="76"/>
      <c r="BA69" s="76"/>
      <c r="BB69" s="76"/>
      <c r="BC69" s="76"/>
      <c r="BD69" s="76"/>
      <c r="BE69" s="76"/>
      <c r="BF69" s="76"/>
      <c r="BG69" s="76"/>
      <c r="BH69" s="76"/>
      <c r="BI69" s="76"/>
      <c r="BJ69" s="76"/>
      <c r="BK69" s="76"/>
      <c r="BL69" s="76"/>
      <c r="BM69" s="76"/>
      <c r="BN69" s="76"/>
      <c r="BO69" s="76"/>
      <c r="BP69" s="76"/>
      <c r="BQ69" s="76"/>
      <c r="BR69" s="76"/>
      <c r="BS69" s="76"/>
      <c r="BT69" s="76"/>
      <c r="BU69" s="76"/>
      <c r="BV69" s="76"/>
      <c r="BW69" s="76"/>
      <c r="BX69" s="76"/>
      <c r="BY69" s="76"/>
      <c r="BZ69" s="76"/>
      <c r="CA69" s="76"/>
      <c r="CB69" s="76"/>
      <c r="CC69" s="76"/>
      <c r="CD69" s="76"/>
      <c r="CE69" s="76"/>
      <c r="CF69" s="76"/>
      <c r="CG69" s="76"/>
      <c r="CH69" s="76"/>
      <c r="CI69" s="76"/>
      <c r="CJ69" s="76"/>
      <c r="CK69" s="76"/>
      <c r="CL69" s="76"/>
      <c r="CM69" s="76"/>
      <c r="CN69" s="76"/>
      <c r="CO69" s="76"/>
      <c r="CP69" s="76"/>
      <c r="CQ69" s="76"/>
      <c r="CR69" s="76"/>
      <c r="CS69" s="76"/>
      <c r="CT69" s="76"/>
      <c r="CU69" s="76"/>
      <c r="CV69" s="76"/>
      <c r="CW69" s="76"/>
      <c r="CX69" s="76"/>
      <c r="CY69" s="76"/>
      <c r="CZ69" s="76"/>
      <c r="DA69" s="76"/>
      <c r="DB69" s="76"/>
      <c r="DC69" s="76"/>
      <c r="DD69" s="76"/>
      <c r="DE69" s="76"/>
      <c r="DF69" s="76"/>
      <c r="DG69" s="76"/>
      <c r="DH69" s="76"/>
      <c r="DI69" s="76"/>
      <c r="DJ69" s="76"/>
      <c r="DK69" s="76"/>
      <c r="DL69" s="76"/>
      <c r="DM69" s="76"/>
      <c r="DN69" s="76"/>
      <c r="DO69" s="76"/>
      <c r="DP69" s="76"/>
      <c r="DQ69" s="76"/>
      <c r="DR69" s="76"/>
      <c r="DS69" s="76"/>
      <c r="DT69" s="76"/>
      <c r="DU69" s="76"/>
      <c r="DV69" s="76"/>
      <c r="DW69" s="76"/>
      <c r="DX69" s="76"/>
      <c r="DY69" s="76"/>
      <c r="DZ69" s="76"/>
      <c r="EA69" s="76"/>
      <c r="EB69" s="76"/>
      <c r="EC69" s="76"/>
      <c r="ED69" s="76"/>
      <c r="EE69" s="76"/>
      <c r="EF69" s="76"/>
      <c r="EG69" s="76"/>
      <c r="EH69" s="76"/>
      <c r="EI69" s="76"/>
      <c r="EJ69" s="76"/>
      <c r="EK69" s="76"/>
      <c r="EL69" s="76"/>
      <c r="EM69" s="76"/>
      <c r="EN69" s="76"/>
      <c r="EO69" s="76"/>
      <c r="EP69" s="76"/>
      <c r="EQ69" s="76"/>
      <c r="ER69" s="76"/>
      <c r="ES69" s="76"/>
      <c r="ET69" s="76"/>
      <c r="EU69" s="76"/>
      <c r="EV69" s="76"/>
      <c r="EW69" s="76"/>
      <c r="EX69" s="76"/>
      <c r="EY69" s="76"/>
      <c r="EZ69" s="76"/>
      <c r="FA69" s="76"/>
      <c r="FB69" s="76"/>
      <c r="FC69" s="76"/>
      <c r="FD69" s="76"/>
      <c r="FE69" s="76"/>
      <c r="FF69" s="76"/>
      <c r="FG69" s="76"/>
      <c r="FH69" s="76"/>
      <c r="FI69" s="76"/>
      <c r="FJ69" s="76"/>
      <c r="FK69" s="76"/>
      <c r="FL69" s="76"/>
      <c r="FM69" s="76"/>
      <c r="FN69" s="76"/>
      <c r="FO69" s="76"/>
      <c r="FP69" s="76"/>
      <c r="FQ69" s="76"/>
      <c r="FR69" s="76"/>
      <c r="FS69" s="76"/>
      <c r="FT69" s="76"/>
      <c r="FU69" s="76"/>
      <c r="FV69" s="76"/>
      <c r="FW69" s="76"/>
      <c r="FX69" s="76"/>
      <c r="FY69" s="76"/>
      <c r="FZ69" s="76"/>
      <c r="GA69" s="76"/>
      <c r="GB69" s="76"/>
      <c r="GC69" s="76"/>
      <c r="GD69" s="76"/>
      <c r="GE69" s="76"/>
      <c r="GF69" s="76"/>
      <c r="GG69" s="76"/>
      <c r="GH69" s="76"/>
      <c r="GI69" s="76"/>
      <c r="GJ69" s="76"/>
      <c r="GK69" s="76"/>
      <c r="GL69" s="76"/>
    </row>
    <row r="70" spans="1:194" s="77" customFormat="1" x14ac:dyDescent="0.15">
      <c r="A70" s="76"/>
      <c r="B70" s="76"/>
      <c r="C70" s="76"/>
      <c r="D70" s="76"/>
      <c r="E70" s="76"/>
      <c r="F70" s="76"/>
      <c r="G70" s="76"/>
      <c r="H70" s="76"/>
      <c r="I70" s="76"/>
      <c r="J70" s="76"/>
      <c r="K70" s="76"/>
      <c r="L70" s="76"/>
      <c r="M70" s="76"/>
      <c r="N70" s="76"/>
      <c r="O70" s="76"/>
      <c r="P70" s="76"/>
      <c r="Q70" s="76"/>
      <c r="R70" s="76"/>
      <c r="S70" s="76"/>
      <c r="T70" s="76"/>
      <c r="U70" s="76"/>
      <c r="V70" s="76"/>
      <c r="W70" s="76"/>
      <c r="X70" s="76"/>
      <c r="Y70" s="76"/>
      <c r="Z70" s="75"/>
      <c r="AA70" s="75"/>
      <c r="AB70" s="75"/>
      <c r="AC70" s="75"/>
      <c r="AD70" s="75"/>
      <c r="AE70" s="75"/>
      <c r="AF70" s="75"/>
      <c r="AG70" s="75"/>
      <c r="AH70" s="75"/>
      <c r="AI70" s="75"/>
      <c r="AJ70" s="75"/>
      <c r="AK70" s="75"/>
      <c r="AL70" s="75"/>
      <c r="AM70" s="75"/>
      <c r="AN70" s="75"/>
      <c r="AO70" s="75"/>
      <c r="AR70" s="76"/>
      <c r="AS70" s="76"/>
      <c r="AT70" s="76"/>
      <c r="AU70" s="76"/>
      <c r="AV70" s="76"/>
      <c r="AW70" s="76"/>
      <c r="AX70" s="76"/>
      <c r="AY70" s="76"/>
      <c r="AZ70" s="76"/>
      <c r="BA70" s="76"/>
      <c r="BB70" s="76"/>
      <c r="BC70" s="76"/>
      <c r="BD70" s="76"/>
      <c r="BE70" s="76"/>
      <c r="BF70" s="76"/>
      <c r="BG70" s="76"/>
      <c r="BH70" s="76"/>
      <c r="BI70" s="76"/>
      <c r="BJ70" s="76"/>
      <c r="BK70" s="76"/>
      <c r="BL70" s="76"/>
      <c r="BM70" s="76"/>
      <c r="BN70" s="76"/>
      <c r="BO70" s="76"/>
      <c r="BP70" s="76"/>
      <c r="BQ70" s="76"/>
      <c r="BR70" s="76"/>
      <c r="BS70" s="76"/>
      <c r="BT70" s="76"/>
      <c r="BU70" s="76"/>
      <c r="BV70" s="76"/>
      <c r="BW70" s="76"/>
      <c r="BX70" s="76"/>
      <c r="BY70" s="76"/>
      <c r="BZ70" s="76"/>
      <c r="CA70" s="76"/>
      <c r="CB70" s="76"/>
      <c r="CC70" s="76"/>
      <c r="CD70" s="76"/>
      <c r="CE70" s="76"/>
      <c r="CF70" s="76"/>
      <c r="CG70" s="76"/>
      <c r="CH70" s="76"/>
      <c r="CI70" s="76"/>
      <c r="CJ70" s="76"/>
      <c r="CK70" s="76"/>
      <c r="CL70" s="76"/>
      <c r="CM70" s="76"/>
      <c r="CN70" s="76"/>
      <c r="CO70" s="76"/>
      <c r="CP70" s="76"/>
      <c r="CQ70" s="76"/>
      <c r="CR70" s="76"/>
      <c r="CS70" s="76"/>
      <c r="CT70" s="76"/>
      <c r="CU70" s="76"/>
      <c r="CV70" s="76"/>
      <c r="CW70" s="76"/>
      <c r="CX70" s="76"/>
      <c r="CY70" s="76"/>
      <c r="CZ70" s="76"/>
      <c r="DA70" s="76"/>
      <c r="DB70" s="76"/>
      <c r="DC70" s="76"/>
      <c r="DD70" s="76"/>
      <c r="DE70" s="76"/>
      <c r="DF70" s="76"/>
      <c r="DG70" s="76"/>
      <c r="DH70" s="76"/>
      <c r="DI70" s="76"/>
      <c r="DJ70" s="76"/>
      <c r="DK70" s="76"/>
      <c r="DL70" s="76"/>
      <c r="DM70" s="76"/>
      <c r="DN70" s="76"/>
      <c r="DO70" s="76"/>
      <c r="DP70" s="76"/>
      <c r="DQ70" s="76"/>
      <c r="DR70" s="76"/>
      <c r="DS70" s="76"/>
      <c r="DT70" s="76"/>
      <c r="DU70" s="76"/>
      <c r="DV70" s="76"/>
      <c r="DW70" s="76"/>
      <c r="DX70" s="76"/>
      <c r="DY70" s="76"/>
      <c r="DZ70" s="76"/>
      <c r="EA70" s="76"/>
      <c r="EB70" s="76"/>
      <c r="EC70" s="76"/>
      <c r="ED70" s="76"/>
      <c r="EE70" s="76"/>
      <c r="EF70" s="76"/>
      <c r="EG70" s="76"/>
      <c r="EH70" s="76"/>
      <c r="EI70" s="76"/>
      <c r="EJ70" s="76"/>
      <c r="EK70" s="76"/>
      <c r="EL70" s="76"/>
      <c r="EM70" s="76"/>
      <c r="EN70" s="76"/>
      <c r="EO70" s="76"/>
      <c r="EP70" s="76"/>
      <c r="EQ70" s="76"/>
      <c r="ER70" s="76"/>
      <c r="ES70" s="76"/>
      <c r="ET70" s="76"/>
      <c r="EU70" s="76"/>
      <c r="EV70" s="76"/>
      <c r="EW70" s="76"/>
      <c r="EX70" s="76"/>
      <c r="EY70" s="76"/>
      <c r="EZ70" s="76"/>
      <c r="FA70" s="76"/>
      <c r="FB70" s="76"/>
      <c r="FC70" s="76"/>
      <c r="FD70" s="76"/>
      <c r="FE70" s="76"/>
      <c r="FF70" s="76"/>
      <c r="FG70" s="76"/>
      <c r="FH70" s="76"/>
      <c r="FI70" s="76"/>
      <c r="FJ70" s="76"/>
      <c r="FK70" s="76"/>
      <c r="FL70" s="76"/>
      <c r="FM70" s="76"/>
      <c r="FN70" s="76"/>
      <c r="FO70" s="76"/>
      <c r="FP70" s="76"/>
      <c r="FQ70" s="76"/>
      <c r="FR70" s="76"/>
      <c r="FS70" s="76"/>
      <c r="FT70" s="76"/>
      <c r="FU70" s="76"/>
      <c r="FV70" s="76"/>
      <c r="FW70" s="76"/>
      <c r="FX70" s="76"/>
      <c r="FY70" s="76"/>
      <c r="FZ70" s="76"/>
      <c r="GA70" s="76"/>
      <c r="GB70" s="76"/>
      <c r="GC70" s="76"/>
      <c r="GD70" s="76"/>
      <c r="GE70" s="76"/>
      <c r="GF70" s="76"/>
      <c r="GG70" s="76"/>
      <c r="GH70" s="76"/>
      <c r="GI70" s="76"/>
      <c r="GJ70" s="76"/>
      <c r="GK70" s="76"/>
      <c r="GL70" s="76"/>
    </row>
    <row r="71" spans="1:194" s="77" customFormat="1" x14ac:dyDescent="0.15">
      <c r="A71" s="76"/>
      <c r="B71" s="76"/>
      <c r="C71" s="76"/>
      <c r="D71" s="76"/>
      <c r="E71" s="76"/>
      <c r="F71" s="76"/>
      <c r="G71" s="76"/>
      <c r="H71" s="76"/>
      <c r="I71" s="76"/>
      <c r="J71" s="76"/>
      <c r="K71" s="76"/>
      <c r="L71" s="76"/>
      <c r="M71" s="76"/>
      <c r="N71" s="76"/>
      <c r="O71" s="76"/>
      <c r="P71" s="76"/>
      <c r="Q71" s="76"/>
      <c r="R71" s="76"/>
      <c r="S71" s="76"/>
      <c r="T71" s="76"/>
      <c r="U71" s="76"/>
      <c r="V71" s="76"/>
      <c r="W71" s="76"/>
      <c r="X71" s="76"/>
      <c r="Y71" s="76"/>
      <c r="Z71" s="75"/>
      <c r="AA71" s="75"/>
      <c r="AB71" s="75"/>
      <c r="AC71" s="75"/>
      <c r="AD71" s="75"/>
      <c r="AE71" s="75"/>
      <c r="AF71" s="75"/>
      <c r="AG71" s="75"/>
      <c r="AH71" s="75"/>
      <c r="AI71" s="75"/>
      <c r="AJ71" s="75"/>
      <c r="AK71" s="75"/>
      <c r="AL71" s="75"/>
      <c r="AM71" s="75"/>
      <c r="AN71" s="75"/>
      <c r="AO71" s="75"/>
      <c r="AR71" s="76"/>
      <c r="AS71" s="76"/>
      <c r="AT71" s="76"/>
      <c r="AU71" s="76"/>
      <c r="AV71" s="76"/>
      <c r="AW71" s="76"/>
      <c r="AX71" s="76"/>
      <c r="AY71" s="76"/>
      <c r="AZ71" s="76"/>
      <c r="BA71" s="76"/>
      <c r="BB71" s="76"/>
      <c r="BC71" s="76"/>
      <c r="BD71" s="76"/>
      <c r="BE71" s="76"/>
      <c r="BF71" s="76"/>
      <c r="BG71" s="76"/>
      <c r="BH71" s="76"/>
      <c r="BI71" s="76"/>
      <c r="BJ71" s="76"/>
      <c r="BK71" s="76"/>
      <c r="BL71" s="76"/>
      <c r="BM71" s="76"/>
      <c r="BN71" s="76"/>
      <c r="BO71" s="76"/>
      <c r="BP71" s="76"/>
      <c r="BQ71" s="76"/>
      <c r="BR71" s="76"/>
      <c r="BS71" s="76"/>
      <c r="BT71" s="76"/>
      <c r="BU71" s="76"/>
      <c r="BV71" s="76"/>
      <c r="BW71" s="76"/>
      <c r="BX71" s="76"/>
      <c r="BY71" s="76"/>
      <c r="BZ71" s="76"/>
      <c r="CA71" s="76"/>
      <c r="CB71" s="76"/>
      <c r="CC71" s="76"/>
      <c r="CD71" s="76"/>
      <c r="CE71" s="76"/>
      <c r="CF71" s="76"/>
      <c r="CG71" s="76"/>
      <c r="CH71" s="76"/>
      <c r="CI71" s="76"/>
      <c r="CJ71" s="76"/>
      <c r="CK71" s="76"/>
      <c r="CL71" s="76"/>
      <c r="CM71" s="76"/>
      <c r="CN71" s="76"/>
      <c r="CO71" s="76"/>
      <c r="CP71" s="76"/>
      <c r="CQ71" s="76"/>
      <c r="CR71" s="76"/>
      <c r="CS71" s="76"/>
      <c r="CT71" s="76"/>
      <c r="CU71" s="76"/>
      <c r="CV71" s="76"/>
      <c r="CW71" s="76"/>
      <c r="CX71" s="76"/>
      <c r="CY71" s="76"/>
      <c r="CZ71" s="76"/>
      <c r="DA71" s="76"/>
      <c r="DB71" s="76"/>
      <c r="DC71" s="76"/>
      <c r="DD71" s="76"/>
      <c r="DE71" s="76"/>
      <c r="DF71" s="76"/>
      <c r="DG71" s="76"/>
      <c r="DH71" s="76"/>
      <c r="DI71" s="76"/>
      <c r="DJ71" s="76"/>
      <c r="DK71" s="76"/>
      <c r="DL71" s="76"/>
      <c r="DM71" s="76"/>
      <c r="DN71" s="76"/>
      <c r="DO71" s="76"/>
      <c r="DP71" s="76"/>
      <c r="DQ71" s="76"/>
      <c r="DR71" s="76"/>
      <c r="DS71" s="76"/>
      <c r="DT71" s="76"/>
      <c r="DU71" s="76"/>
      <c r="DV71" s="76"/>
      <c r="DW71" s="76"/>
      <c r="DX71" s="76"/>
      <c r="DY71" s="76"/>
      <c r="DZ71" s="76"/>
      <c r="EA71" s="76"/>
      <c r="EB71" s="76"/>
      <c r="EC71" s="76"/>
      <c r="ED71" s="76"/>
      <c r="EE71" s="76"/>
      <c r="EF71" s="76"/>
      <c r="EG71" s="76"/>
      <c r="EH71" s="76"/>
      <c r="EI71" s="76"/>
      <c r="EJ71" s="76"/>
      <c r="EK71" s="76"/>
      <c r="EL71" s="76"/>
      <c r="EM71" s="76"/>
      <c r="EN71" s="76"/>
      <c r="EO71" s="76"/>
      <c r="EP71" s="76"/>
      <c r="EQ71" s="76"/>
      <c r="ER71" s="76"/>
      <c r="ES71" s="76"/>
      <c r="ET71" s="76"/>
      <c r="EU71" s="76"/>
      <c r="EV71" s="76"/>
      <c r="EW71" s="76"/>
      <c r="EX71" s="76"/>
      <c r="EY71" s="76"/>
      <c r="EZ71" s="76"/>
      <c r="FA71" s="76"/>
      <c r="FB71" s="76"/>
      <c r="FC71" s="76"/>
      <c r="FD71" s="76"/>
      <c r="FE71" s="76"/>
      <c r="FF71" s="76"/>
      <c r="FG71" s="76"/>
      <c r="FH71" s="76"/>
      <c r="FI71" s="76"/>
      <c r="FJ71" s="76"/>
      <c r="FK71" s="76"/>
      <c r="FL71" s="76"/>
      <c r="FM71" s="76"/>
      <c r="FN71" s="76"/>
      <c r="FO71" s="76"/>
      <c r="FP71" s="76"/>
      <c r="FQ71" s="76"/>
      <c r="FR71" s="76"/>
      <c r="FS71" s="76"/>
      <c r="FT71" s="76"/>
      <c r="FU71" s="76"/>
      <c r="FV71" s="76"/>
      <c r="FW71" s="76"/>
      <c r="FX71" s="76"/>
      <c r="FY71" s="76"/>
      <c r="FZ71" s="76"/>
      <c r="GA71" s="76"/>
      <c r="GB71" s="76"/>
      <c r="GC71" s="76"/>
      <c r="GD71" s="76"/>
      <c r="GE71" s="76"/>
      <c r="GF71" s="76"/>
      <c r="GG71" s="76"/>
      <c r="GH71" s="76"/>
      <c r="GI71" s="76"/>
      <c r="GJ71" s="76"/>
      <c r="GK71" s="76"/>
      <c r="GL71" s="76"/>
    </row>
    <row r="72" spans="1:194" s="77" customFormat="1" x14ac:dyDescent="0.15">
      <c r="A72" s="76"/>
      <c r="B72" s="76"/>
      <c r="C72" s="76"/>
      <c r="D72" s="76"/>
      <c r="E72" s="76"/>
      <c r="F72" s="76"/>
      <c r="G72" s="76"/>
      <c r="H72" s="76"/>
      <c r="I72" s="76"/>
      <c r="J72" s="76"/>
      <c r="K72" s="76"/>
      <c r="L72" s="76"/>
      <c r="M72" s="76"/>
      <c r="N72" s="76"/>
      <c r="O72" s="76"/>
      <c r="P72" s="76"/>
      <c r="Q72" s="76"/>
      <c r="R72" s="76"/>
      <c r="S72" s="76"/>
      <c r="T72" s="76"/>
      <c r="U72" s="76"/>
      <c r="V72" s="76"/>
      <c r="W72" s="76"/>
      <c r="X72" s="76"/>
      <c r="Y72" s="76"/>
      <c r="Z72" s="75"/>
      <c r="AA72" s="75"/>
      <c r="AB72" s="75"/>
      <c r="AC72" s="75"/>
      <c r="AD72" s="75"/>
      <c r="AE72" s="75"/>
      <c r="AF72" s="75"/>
      <c r="AG72" s="75"/>
      <c r="AH72" s="75"/>
      <c r="AI72" s="75"/>
      <c r="AJ72" s="75"/>
      <c r="AK72" s="75"/>
      <c r="AL72" s="75"/>
      <c r="AM72" s="75"/>
      <c r="AN72" s="75"/>
      <c r="AO72" s="75"/>
      <c r="AR72" s="76"/>
      <c r="AS72" s="76"/>
      <c r="AT72" s="76"/>
      <c r="AU72" s="76"/>
      <c r="AV72" s="76"/>
      <c r="AW72" s="76"/>
      <c r="AX72" s="76"/>
      <c r="AY72" s="76"/>
      <c r="AZ72" s="76"/>
      <c r="BA72" s="76"/>
      <c r="BB72" s="76"/>
      <c r="BC72" s="76"/>
      <c r="BD72" s="76"/>
      <c r="BE72" s="76"/>
      <c r="BF72" s="76"/>
      <c r="BG72" s="76"/>
      <c r="BH72" s="76"/>
      <c r="BI72" s="76"/>
      <c r="BJ72" s="76"/>
      <c r="BK72" s="76"/>
      <c r="BL72" s="76"/>
      <c r="BM72" s="76"/>
      <c r="BN72" s="76"/>
      <c r="BO72" s="76"/>
      <c r="BP72" s="76"/>
      <c r="BQ72" s="76"/>
      <c r="BR72" s="76"/>
      <c r="BS72" s="76"/>
      <c r="BT72" s="76"/>
      <c r="BU72" s="76"/>
      <c r="BV72" s="76"/>
      <c r="BW72" s="76"/>
      <c r="BX72" s="76"/>
      <c r="BY72" s="76"/>
      <c r="BZ72" s="76"/>
      <c r="CA72" s="76"/>
      <c r="CB72" s="76"/>
      <c r="CC72" s="76"/>
      <c r="CD72" s="76"/>
      <c r="CE72" s="76"/>
      <c r="CF72" s="76"/>
      <c r="CG72" s="76"/>
      <c r="CH72" s="76"/>
      <c r="CI72" s="76"/>
      <c r="CJ72" s="76"/>
      <c r="CK72" s="76"/>
      <c r="CL72" s="76"/>
      <c r="CM72" s="76"/>
      <c r="CN72" s="76"/>
      <c r="CO72" s="76"/>
      <c r="CP72" s="76"/>
      <c r="CQ72" s="76"/>
      <c r="CR72" s="76"/>
      <c r="CS72" s="76"/>
      <c r="CT72" s="76"/>
      <c r="CU72" s="76"/>
      <c r="CV72" s="76"/>
      <c r="CW72" s="76"/>
      <c r="CX72" s="76"/>
      <c r="CY72" s="76"/>
      <c r="CZ72" s="76"/>
      <c r="DA72" s="76"/>
      <c r="DB72" s="76"/>
      <c r="DC72" s="76"/>
      <c r="DD72" s="76"/>
      <c r="DE72" s="76"/>
      <c r="DF72" s="76"/>
      <c r="DG72" s="76"/>
      <c r="DH72" s="76"/>
      <c r="DI72" s="76"/>
      <c r="DJ72" s="76"/>
      <c r="DK72" s="76"/>
      <c r="DL72" s="76"/>
      <c r="DM72" s="76"/>
      <c r="DN72" s="76"/>
      <c r="DO72" s="76"/>
      <c r="DP72" s="76"/>
      <c r="DQ72" s="76"/>
      <c r="DR72" s="76"/>
      <c r="DS72" s="76"/>
      <c r="DT72" s="76"/>
      <c r="DU72" s="76"/>
      <c r="DV72" s="76"/>
      <c r="DW72" s="76"/>
      <c r="DX72" s="76"/>
      <c r="DY72" s="76"/>
      <c r="DZ72" s="76"/>
      <c r="EA72" s="76"/>
      <c r="EB72" s="76"/>
      <c r="EC72" s="76"/>
      <c r="ED72" s="76"/>
      <c r="EE72" s="76"/>
      <c r="EF72" s="76"/>
      <c r="EG72" s="76"/>
      <c r="EH72" s="76"/>
      <c r="EI72" s="76"/>
      <c r="EJ72" s="76"/>
      <c r="EK72" s="76"/>
      <c r="EL72" s="76"/>
      <c r="EM72" s="76"/>
      <c r="EN72" s="76"/>
      <c r="EO72" s="76"/>
      <c r="EP72" s="76"/>
      <c r="EQ72" s="76"/>
      <c r="ER72" s="76"/>
      <c r="ES72" s="76"/>
      <c r="ET72" s="76"/>
      <c r="EU72" s="76"/>
      <c r="EV72" s="76"/>
      <c r="EW72" s="76"/>
      <c r="EX72" s="76"/>
      <c r="EY72" s="76"/>
      <c r="EZ72" s="76"/>
      <c r="FA72" s="76"/>
      <c r="FB72" s="76"/>
      <c r="FC72" s="76"/>
      <c r="FD72" s="76"/>
      <c r="FE72" s="76"/>
      <c r="FF72" s="76"/>
      <c r="FG72" s="76"/>
      <c r="FH72" s="76"/>
      <c r="FI72" s="76"/>
      <c r="FJ72" s="76"/>
      <c r="FK72" s="76"/>
      <c r="FL72" s="76"/>
      <c r="FM72" s="76"/>
      <c r="FN72" s="76"/>
      <c r="FO72" s="76"/>
      <c r="FP72" s="76"/>
      <c r="FQ72" s="76"/>
      <c r="FR72" s="76"/>
      <c r="FS72" s="76"/>
      <c r="FT72" s="76"/>
      <c r="FU72" s="76"/>
      <c r="FV72" s="76"/>
      <c r="FW72" s="76"/>
      <c r="FX72" s="76"/>
      <c r="FY72" s="76"/>
      <c r="FZ72" s="76"/>
      <c r="GA72" s="76"/>
      <c r="GB72" s="76"/>
      <c r="GC72" s="76"/>
      <c r="GD72" s="76"/>
      <c r="GE72" s="76"/>
      <c r="GF72" s="76"/>
      <c r="GG72" s="76"/>
      <c r="GH72" s="76"/>
      <c r="GI72" s="76"/>
      <c r="GJ72" s="76"/>
      <c r="GK72" s="76"/>
      <c r="GL72" s="76"/>
    </row>
    <row r="73" spans="1:194" s="77" customFormat="1" x14ac:dyDescent="0.15">
      <c r="A73" s="76"/>
      <c r="B73" s="76"/>
      <c r="C73" s="76"/>
      <c r="D73" s="76"/>
      <c r="E73" s="76"/>
      <c r="F73" s="76"/>
      <c r="G73" s="76"/>
      <c r="H73" s="76"/>
      <c r="I73" s="76"/>
      <c r="J73" s="76"/>
      <c r="K73" s="76"/>
      <c r="L73" s="76"/>
      <c r="M73" s="76"/>
      <c r="N73" s="76"/>
      <c r="O73" s="76"/>
      <c r="P73" s="76"/>
      <c r="Q73" s="76"/>
      <c r="R73" s="76"/>
      <c r="S73" s="76"/>
      <c r="T73" s="76"/>
      <c r="U73" s="76"/>
      <c r="V73" s="76"/>
      <c r="W73" s="76"/>
      <c r="X73" s="76"/>
      <c r="Y73" s="76"/>
      <c r="Z73" s="75"/>
      <c r="AA73" s="75"/>
      <c r="AB73" s="75"/>
      <c r="AC73" s="75"/>
      <c r="AD73" s="75"/>
      <c r="AE73" s="75"/>
      <c r="AF73" s="75"/>
      <c r="AG73" s="75"/>
      <c r="AH73" s="75"/>
      <c r="AI73" s="75"/>
      <c r="AJ73" s="75"/>
      <c r="AK73" s="75"/>
      <c r="AL73" s="75"/>
      <c r="AM73" s="75"/>
      <c r="AN73" s="75"/>
      <c r="AO73" s="75"/>
      <c r="AR73" s="76"/>
      <c r="AS73" s="76"/>
      <c r="AT73" s="76"/>
      <c r="AU73" s="76"/>
      <c r="AV73" s="76"/>
      <c r="AW73" s="76"/>
      <c r="AX73" s="76"/>
      <c r="AY73" s="76"/>
      <c r="AZ73" s="76"/>
      <c r="BA73" s="76"/>
      <c r="BB73" s="76"/>
      <c r="BC73" s="76"/>
      <c r="BD73" s="76"/>
      <c r="BE73" s="76"/>
      <c r="BF73" s="76"/>
      <c r="BG73" s="76"/>
      <c r="BH73" s="76"/>
      <c r="BI73" s="76"/>
      <c r="BJ73" s="76"/>
      <c r="BK73" s="76"/>
      <c r="BL73" s="76"/>
      <c r="BM73" s="76"/>
      <c r="BN73" s="76"/>
      <c r="BO73" s="76"/>
      <c r="BP73" s="76"/>
      <c r="BQ73" s="76"/>
      <c r="BR73" s="76"/>
      <c r="BS73" s="76"/>
      <c r="BT73" s="76"/>
      <c r="BU73" s="76"/>
      <c r="BV73" s="76"/>
      <c r="BW73" s="76"/>
      <c r="BX73" s="76"/>
      <c r="BY73" s="76"/>
      <c r="BZ73" s="76"/>
      <c r="CA73" s="76"/>
      <c r="CB73" s="76"/>
      <c r="CC73" s="76"/>
      <c r="CD73" s="76"/>
      <c r="CE73" s="76"/>
      <c r="CF73" s="76"/>
      <c r="CG73" s="76"/>
      <c r="CH73" s="76"/>
      <c r="CI73" s="76"/>
      <c r="CJ73" s="76"/>
      <c r="CK73" s="76"/>
      <c r="CL73" s="76"/>
      <c r="CM73" s="76"/>
      <c r="CN73" s="76"/>
      <c r="CO73" s="76"/>
      <c r="CP73" s="76"/>
      <c r="CQ73" s="76"/>
      <c r="CR73" s="76"/>
      <c r="CS73" s="76"/>
      <c r="CT73" s="76"/>
      <c r="CU73" s="76"/>
      <c r="CV73" s="76"/>
      <c r="CW73" s="76"/>
      <c r="CX73" s="76"/>
      <c r="CY73" s="76"/>
      <c r="CZ73" s="76"/>
      <c r="DA73" s="76"/>
      <c r="DB73" s="76"/>
      <c r="DC73" s="76"/>
      <c r="DD73" s="76"/>
      <c r="DE73" s="76"/>
      <c r="DF73" s="76"/>
      <c r="DG73" s="76"/>
      <c r="DH73" s="76"/>
      <c r="DI73" s="76"/>
      <c r="DJ73" s="76"/>
      <c r="DK73" s="76"/>
      <c r="DL73" s="76"/>
      <c r="DM73" s="76"/>
      <c r="DN73" s="76"/>
      <c r="DO73" s="76"/>
      <c r="DP73" s="76"/>
      <c r="DQ73" s="76"/>
      <c r="DR73" s="76"/>
      <c r="DS73" s="76"/>
      <c r="DT73" s="76"/>
      <c r="DU73" s="76"/>
      <c r="DV73" s="76"/>
      <c r="DW73" s="76"/>
      <c r="DX73" s="76"/>
      <c r="DY73" s="76"/>
      <c r="DZ73" s="76"/>
      <c r="EA73" s="76"/>
      <c r="EB73" s="76"/>
      <c r="EC73" s="76"/>
      <c r="ED73" s="76"/>
      <c r="EE73" s="76"/>
      <c r="EF73" s="76"/>
      <c r="EG73" s="76"/>
      <c r="EH73" s="76"/>
      <c r="EI73" s="76"/>
      <c r="EJ73" s="76"/>
      <c r="EK73" s="76"/>
      <c r="EL73" s="76"/>
      <c r="EM73" s="76"/>
      <c r="EN73" s="76"/>
      <c r="EO73" s="76"/>
      <c r="EP73" s="76"/>
      <c r="EQ73" s="76"/>
      <c r="ER73" s="76"/>
      <c r="ES73" s="76"/>
      <c r="ET73" s="76"/>
      <c r="EU73" s="76"/>
      <c r="EV73" s="76"/>
      <c r="EW73" s="76"/>
      <c r="EX73" s="76"/>
      <c r="EY73" s="76"/>
      <c r="EZ73" s="76"/>
      <c r="FA73" s="76"/>
      <c r="FB73" s="76"/>
      <c r="FC73" s="76"/>
      <c r="FD73" s="76"/>
      <c r="FE73" s="76"/>
      <c r="FF73" s="76"/>
      <c r="FG73" s="76"/>
      <c r="FH73" s="76"/>
      <c r="FI73" s="76"/>
      <c r="FJ73" s="76"/>
      <c r="FK73" s="76"/>
      <c r="FL73" s="76"/>
      <c r="FM73" s="76"/>
      <c r="FN73" s="76"/>
      <c r="FO73" s="76"/>
      <c r="FP73" s="76"/>
      <c r="FQ73" s="76"/>
      <c r="FR73" s="76"/>
      <c r="FS73" s="76"/>
      <c r="FT73" s="76"/>
      <c r="FU73" s="76"/>
      <c r="FV73" s="76"/>
      <c r="FW73" s="76"/>
      <c r="FX73" s="76"/>
      <c r="FY73" s="76"/>
      <c r="FZ73" s="76"/>
      <c r="GA73" s="76"/>
      <c r="GB73" s="76"/>
      <c r="GC73" s="76"/>
      <c r="GD73" s="76"/>
      <c r="GE73" s="76"/>
      <c r="GF73" s="76"/>
      <c r="GG73" s="76"/>
      <c r="GH73" s="76"/>
      <c r="GI73" s="76"/>
      <c r="GJ73" s="76"/>
      <c r="GK73" s="76"/>
      <c r="GL73" s="76"/>
    </row>
    <row r="74" spans="1:194" s="77" customFormat="1" x14ac:dyDescent="0.15">
      <c r="A74" s="76"/>
      <c r="B74" s="76"/>
      <c r="C74" s="76"/>
      <c r="D74" s="76"/>
      <c r="E74" s="76"/>
      <c r="F74" s="76"/>
      <c r="G74" s="76"/>
      <c r="H74" s="76"/>
      <c r="I74" s="76"/>
      <c r="J74" s="76"/>
      <c r="K74" s="76"/>
      <c r="L74" s="76"/>
      <c r="M74" s="76"/>
      <c r="N74" s="76"/>
      <c r="O74" s="76"/>
      <c r="P74" s="76"/>
      <c r="Q74" s="76"/>
      <c r="R74" s="76"/>
      <c r="S74" s="76"/>
      <c r="T74" s="76"/>
      <c r="U74" s="76"/>
      <c r="V74" s="76"/>
      <c r="W74" s="76"/>
      <c r="X74" s="76"/>
      <c r="Y74" s="76"/>
      <c r="Z74" s="75"/>
      <c r="AA74" s="75"/>
      <c r="AB74" s="75"/>
      <c r="AC74" s="75"/>
      <c r="AD74" s="75"/>
      <c r="AE74" s="75"/>
      <c r="AF74" s="75"/>
      <c r="AG74" s="75"/>
      <c r="AH74" s="75"/>
      <c r="AI74" s="75"/>
      <c r="AJ74" s="75"/>
      <c r="AK74" s="75"/>
      <c r="AL74" s="75"/>
      <c r="AM74" s="75"/>
      <c r="AN74" s="75"/>
      <c r="AO74" s="75"/>
      <c r="AR74" s="76"/>
      <c r="AS74" s="76"/>
      <c r="AT74" s="76"/>
      <c r="AU74" s="76"/>
      <c r="AV74" s="76"/>
      <c r="AW74" s="76"/>
      <c r="AX74" s="76"/>
      <c r="AY74" s="76"/>
      <c r="AZ74" s="76"/>
      <c r="BA74" s="76"/>
      <c r="BB74" s="76"/>
      <c r="BC74" s="76"/>
      <c r="BD74" s="76"/>
      <c r="BE74" s="76"/>
      <c r="BF74" s="76"/>
      <c r="BG74" s="76"/>
      <c r="BH74" s="76"/>
      <c r="BI74" s="76"/>
      <c r="BJ74" s="76"/>
      <c r="BK74" s="76"/>
      <c r="BL74" s="76"/>
      <c r="BM74" s="76"/>
      <c r="BN74" s="76"/>
      <c r="BO74" s="76"/>
      <c r="BP74" s="76"/>
      <c r="BQ74" s="76"/>
      <c r="BR74" s="76"/>
      <c r="BS74" s="76"/>
      <c r="BT74" s="76"/>
      <c r="BU74" s="76"/>
      <c r="BV74" s="76"/>
      <c r="BW74" s="76"/>
      <c r="BX74" s="76"/>
      <c r="BY74" s="76"/>
      <c r="BZ74" s="76"/>
      <c r="CA74" s="76"/>
      <c r="CB74" s="76"/>
      <c r="CC74" s="76"/>
      <c r="CD74" s="76"/>
      <c r="CE74" s="76"/>
      <c r="CF74" s="76"/>
      <c r="CG74" s="76"/>
      <c r="CH74" s="76"/>
      <c r="CI74" s="76"/>
      <c r="CJ74" s="76"/>
      <c r="CK74" s="76"/>
      <c r="CL74" s="76"/>
      <c r="CM74" s="76"/>
      <c r="CN74" s="76"/>
      <c r="CO74" s="76"/>
      <c r="CP74" s="76"/>
      <c r="CQ74" s="76"/>
      <c r="CR74" s="76"/>
      <c r="CS74" s="76"/>
      <c r="CT74" s="76"/>
      <c r="CU74" s="76"/>
      <c r="CV74" s="76"/>
      <c r="CW74" s="76"/>
      <c r="CX74" s="76"/>
      <c r="CY74" s="76"/>
      <c r="CZ74" s="76"/>
      <c r="DA74" s="76"/>
      <c r="DB74" s="76"/>
      <c r="DC74" s="76"/>
      <c r="DD74" s="76"/>
      <c r="DE74" s="76"/>
      <c r="DF74" s="76"/>
      <c r="DG74" s="76"/>
      <c r="DH74" s="76"/>
      <c r="DI74" s="76"/>
      <c r="DJ74" s="76"/>
      <c r="DK74" s="76"/>
      <c r="DL74" s="76"/>
      <c r="DM74" s="76"/>
      <c r="DN74" s="76"/>
      <c r="DO74" s="76"/>
      <c r="DP74" s="76"/>
      <c r="DQ74" s="76"/>
      <c r="DR74" s="76"/>
      <c r="DS74" s="76"/>
      <c r="DT74" s="76"/>
      <c r="DU74" s="76"/>
      <c r="DV74" s="76"/>
      <c r="DW74" s="76"/>
      <c r="DX74" s="76"/>
      <c r="DY74" s="76"/>
      <c r="DZ74" s="76"/>
      <c r="EA74" s="76"/>
      <c r="EB74" s="76"/>
      <c r="EC74" s="76"/>
      <c r="ED74" s="76"/>
      <c r="EE74" s="76"/>
      <c r="EF74" s="76"/>
      <c r="EG74" s="76"/>
      <c r="EH74" s="76"/>
      <c r="EI74" s="76"/>
      <c r="EJ74" s="76"/>
      <c r="EK74" s="76"/>
      <c r="EL74" s="76"/>
      <c r="EM74" s="76"/>
      <c r="EN74" s="76"/>
      <c r="EO74" s="76"/>
      <c r="EP74" s="76"/>
      <c r="EQ74" s="76"/>
      <c r="ER74" s="76"/>
      <c r="ES74" s="76"/>
      <c r="ET74" s="76"/>
      <c r="EU74" s="76"/>
      <c r="EV74" s="76"/>
      <c r="EW74" s="76"/>
      <c r="EX74" s="76"/>
      <c r="EY74" s="76"/>
      <c r="EZ74" s="76"/>
      <c r="FA74" s="76"/>
      <c r="FB74" s="76"/>
      <c r="FC74" s="76"/>
      <c r="FD74" s="76"/>
      <c r="FE74" s="76"/>
      <c r="FF74" s="76"/>
      <c r="FG74" s="76"/>
      <c r="FH74" s="76"/>
      <c r="FI74" s="76"/>
      <c r="FJ74" s="76"/>
      <c r="FK74" s="76"/>
      <c r="FL74" s="76"/>
      <c r="FM74" s="76"/>
      <c r="FN74" s="76"/>
      <c r="FO74" s="76"/>
      <c r="FP74" s="76"/>
      <c r="FQ74" s="76"/>
      <c r="FR74" s="76"/>
      <c r="FS74" s="76"/>
      <c r="FT74" s="76"/>
      <c r="FU74" s="76"/>
      <c r="FV74" s="76"/>
      <c r="FW74" s="76"/>
      <c r="FX74" s="76"/>
      <c r="FY74" s="76"/>
      <c r="FZ74" s="76"/>
      <c r="GA74" s="76"/>
      <c r="GB74" s="76"/>
      <c r="GC74" s="76"/>
      <c r="GD74" s="76"/>
      <c r="GE74" s="76"/>
      <c r="GF74" s="76"/>
      <c r="GG74" s="76"/>
      <c r="GH74" s="76"/>
      <c r="GI74" s="76"/>
      <c r="GJ74" s="76"/>
      <c r="GK74" s="76"/>
      <c r="GL74" s="76"/>
    </row>
    <row r="75" spans="1:194" s="77" customFormat="1" x14ac:dyDescent="0.15">
      <c r="A75" s="76"/>
      <c r="B75" s="76"/>
      <c r="C75" s="76"/>
      <c r="D75" s="76"/>
      <c r="E75" s="76"/>
      <c r="F75" s="76"/>
      <c r="G75" s="76"/>
      <c r="H75" s="76"/>
      <c r="I75" s="76"/>
      <c r="J75" s="76"/>
      <c r="K75" s="76"/>
      <c r="L75" s="76"/>
      <c r="M75" s="76"/>
      <c r="N75" s="76"/>
      <c r="O75" s="76"/>
      <c r="P75" s="76"/>
      <c r="Q75" s="76"/>
      <c r="R75" s="76"/>
      <c r="S75" s="76"/>
      <c r="T75" s="76"/>
      <c r="U75" s="76"/>
      <c r="V75" s="76"/>
      <c r="W75" s="76"/>
      <c r="X75" s="76"/>
      <c r="Y75" s="76"/>
      <c r="Z75" s="75"/>
      <c r="AA75" s="75"/>
      <c r="AB75" s="75"/>
      <c r="AC75" s="75"/>
      <c r="AD75" s="75"/>
      <c r="AE75" s="75"/>
      <c r="AF75" s="75"/>
      <c r="AG75" s="75"/>
      <c r="AH75" s="75"/>
      <c r="AI75" s="75"/>
      <c r="AJ75" s="75"/>
      <c r="AK75" s="75"/>
      <c r="AL75" s="75"/>
      <c r="AM75" s="75"/>
      <c r="AN75" s="75"/>
      <c r="AO75" s="75"/>
      <c r="AR75" s="76"/>
      <c r="AS75" s="76"/>
      <c r="AT75" s="76"/>
      <c r="AU75" s="76"/>
      <c r="AV75" s="76"/>
      <c r="AW75" s="76"/>
      <c r="AX75" s="76"/>
      <c r="AY75" s="76"/>
      <c r="AZ75" s="76"/>
      <c r="BA75" s="76"/>
      <c r="BB75" s="76"/>
      <c r="BC75" s="76"/>
      <c r="BD75" s="76"/>
      <c r="BE75" s="76"/>
      <c r="BF75" s="76"/>
      <c r="BG75" s="76"/>
      <c r="BH75" s="76"/>
      <c r="BI75" s="76"/>
      <c r="BJ75" s="76"/>
      <c r="BK75" s="76"/>
      <c r="BL75" s="76"/>
      <c r="BM75" s="76"/>
      <c r="BN75" s="76"/>
      <c r="BO75" s="76"/>
      <c r="BP75" s="76"/>
      <c r="BQ75" s="76"/>
      <c r="BR75" s="76"/>
      <c r="BS75" s="76"/>
      <c r="BT75" s="76"/>
      <c r="BU75" s="76"/>
      <c r="BV75" s="76"/>
      <c r="BW75" s="76"/>
      <c r="BX75" s="76"/>
      <c r="BY75" s="76"/>
      <c r="BZ75" s="76"/>
      <c r="CA75" s="76"/>
      <c r="CB75" s="76"/>
      <c r="CC75" s="76"/>
      <c r="CD75" s="76"/>
      <c r="CE75" s="76"/>
      <c r="CF75" s="76"/>
      <c r="CG75" s="76"/>
      <c r="CH75" s="76"/>
      <c r="CI75" s="76"/>
      <c r="CJ75" s="76"/>
      <c r="CK75" s="76"/>
      <c r="CL75" s="76"/>
      <c r="CM75" s="76"/>
      <c r="CN75" s="76"/>
      <c r="CO75" s="76"/>
      <c r="CP75" s="76"/>
      <c r="CQ75" s="76"/>
      <c r="CR75" s="76"/>
      <c r="CS75" s="76"/>
      <c r="CT75" s="76"/>
      <c r="CU75" s="76"/>
      <c r="CV75" s="76"/>
      <c r="CW75" s="76"/>
      <c r="CX75" s="76"/>
      <c r="CY75" s="76"/>
      <c r="CZ75" s="76"/>
      <c r="DA75" s="76"/>
      <c r="DB75" s="76"/>
      <c r="DC75" s="76"/>
      <c r="DD75" s="76"/>
      <c r="DE75" s="76"/>
      <c r="DF75" s="76"/>
      <c r="DG75" s="76"/>
      <c r="DH75" s="76"/>
      <c r="DI75" s="76"/>
      <c r="DJ75" s="76"/>
      <c r="DK75" s="76"/>
      <c r="DL75" s="76"/>
      <c r="DM75" s="76"/>
      <c r="DN75" s="76"/>
      <c r="DO75" s="76"/>
      <c r="DP75" s="76"/>
      <c r="DQ75" s="76"/>
      <c r="DR75" s="76"/>
      <c r="DS75" s="76"/>
      <c r="DT75" s="76"/>
      <c r="DU75" s="76"/>
      <c r="DV75" s="76"/>
      <c r="DW75" s="76"/>
      <c r="DX75" s="76"/>
      <c r="DY75" s="76"/>
      <c r="DZ75" s="76"/>
      <c r="EA75" s="76"/>
      <c r="EB75" s="76"/>
      <c r="EC75" s="76"/>
      <c r="ED75" s="76"/>
      <c r="EE75" s="76"/>
      <c r="EF75" s="76"/>
      <c r="EG75" s="76"/>
      <c r="EH75" s="76"/>
      <c r="EI75" s="76"/>
      <c r="EJ75" s="76"/>
      <c r="EK75" s="76"/>
      <c r="EL75" s="76"/>
      <c r="EM75" s="76"/>
      <c r="EN75" s="76"/>
      <c r="EO75" s="76"/>
      <c r="EP75" s="76"/>
      <c r="EQ75" s="76"/>
      <c r="ER75" s="76"/>
      <c r="ES75" s="76"/>
      <c r="ET75" s="76"/>
      <c r="EU75" s="76"/>
      <c r="EV75" s="76"/>
      <c r="EW75" s="76"/>
      <c r="EX75" s="76"/>
      <c r="EY75" s="76"/>
      <c r="EZ75" s="76"/>
      <c r="FA75" s="76"/>
      <c r="FB75" s="76"/>
      <c r="FC75" s="76"/>
      <c r="FD75" s="76"/>
      <c r="FE75" s="76"/>
      <c r="FF75" s="76"/>
      <c r="FG75" s="76"/>
      <c r="FH75" s="76"/>
      <c r="FI75" s="76"/>
      <c r="FJ75" s="76"/>
      <c r="FK75" s="76"/>
      <c r="FL75" s="76"/>
      <c r="FM75" s="76"/>
      <c r="FN75" s="76"/>
      <c r="FO75" s="76"/>
      <c r="FP75" s="76"/>
      <c r="FQ75" s="76"/>
      <c r="FR75" s="76"/>
      <c r="FS75" s="76"/>
      <c r="FT75" s="76"/>
      <c r="FU75" s="76"/>
      <c r="FV75" s="76"/>
      <c r="FW75" s="76"/>
      <c r="FX75" s="76"/>
      <c r="FY75" s="76"/>
      <c r="FZ75" s="76"/>
      <c r="GA75" s="76"/>
      <c r="GB75" s="76"/>
      <c r="GC75" s="76"/>
      <c r="GD75" s="76"/>
      <c r="GE75" s="76"/>
      <c r="GF75" s="76"/>
      <c r="GG75" s="76"/>
      <c r="GH75" s="76"/>
      <c r="GI75" s="76"/>
      <c r="GJ75" s="76"/>
      <c r="GK75" s="76"/>
      <c r="GL75" s="76"/>
    </row>
    <row r="76" spans="1:194" s="77" customFormat="1" x14ac:dyDescent="0.15">
      <c r="A76" s="76"/>
      <c r="B76" s="76"/>
      <c r="C76" s="76"/>
      <c r="D76" s="76"/>
      <c r="E76" s="76"/>
      <c r="F76" s="76"/>
      <c r="G76" s="76"/>
      <c r="H76" s="76"/>
      <c r="I76" s="76"/>
      <c r="J76" s="76"/>
      <c r="K76" s="76"/>
      <c r="L76" s="76"/>
      <c r="M76" s="76"/>
      <c r="N76" s="76"/>
      <c r="O76" s="76"/>
      <c r="P76" s="76"/>
      <c r="Q76" s="76"/>
      <c r="R76" s="76"/>
      <c r="S76" s="76"/>
      <c r="T76" s="76"/>
      <c r="U76" s="76"/>
      <c r="V76" s="76"/>
      <c r="W76" s="76"/>
      <c r="X76" s="76"/>
      <c r="Y76" s="76"/>
      <c r="Z76" s="75"/>
      <c r="AA76" s="75"/>
      <c r="AB76" s="75"/>
      <c r="AC76" s="75"/>
      <c r="AD76" s="75"/>
      <c r="AE76" s="75"/>
      <c r="AF76" s="75"/>
      <c r="AG76" s="75"/>
      <c r="AH76" s="75"/>
      <c r="AI76" s="75"/>
      <c r="AJ76" s="75"/>
      <c r="AK76" s="75"/>
      <c r="AL76" s="75"/>
      <c r="AM76" s="75"/>
      <c r="AN76" s="75"/>
      <c r="AO76" s="75"/>
      <c r="AR76" s="76"/>
      <c r="AS76" s="76"/>
      <c r="AT76" s="76"/>
      <c r="AU76" s="76"/>
      <c r="AV76" s="76"/>
      <c r="AW76" s="76"/>
      <c r="AX76" s="76"/>
      <c r="AY76" s="76"/>
      <c r="AZ76" s="76"/>
      <c r="BA76" s="76"/>
      <c r="BB76" s="76"/>
      <c r="BC76" s="76"/>
      <c r="BD76" s="76"/>
      <c r="BE76" s="76"/>
      <c r="BF76" s="76"/>
      <c r="BG76" s="76"/>
      <c r="BH76" s="76"/>
      <c r="BI76" s="76"/>
      <c r="BJ76" s="76"/>
      <c r="BK76" s="76"/>
      <c r="BL76" s="76"/>
      <c r="BM76" s="76"/>
      <c r="BN76" s="76"/>
      <c r="BO76" s="76"/>
      <c r="BP76" s="76"/>
      <c r="BQ76" s="76"/>
      <c r="BR76" s="76"/>
      <c r="BS76" s="76"/>
      <c r="BT76" s="76"/>
      <c r="BU76" s="76"/>
      <c r="BV76" s="76"/>
      <c r="BW76" s="76"/>
      <c r="BX76" s="76"/>
      <c r="BY76" s="76"/>
      <c r="BZ76" s="76"/>
      <c r="CA76" s="76"/>
      <c r="CB76" s="76"/>
      <c r="CC76" s="76"/>
      <c r="CD76" s="76"/>
      <c r="CE76" s="76"/>
      <c r="CF76" s="76"/>
      <c r="CG76" s="76"/>
      <c r="CH76" s="76"/>
      <c r="CI76" s="76"/>
      <c r="CJ76" s="76"/>
      <c r="CK76" s="76"/>
      <c r="CL76" s="76"/>
      <c r="CM76" s="76"/>
      <c r="CN76" s="76"/>
      <c r="CO76" s="76"/>
      <c r="CP76" s="76"/>
      <c r="CQ76" s="76"/>
      <c r="CR76" s="76"/>
      <c r="CS76" s="76"/>
      <c r="CT76" s="76"/>
      <c r="CU76" s="76"/>
      <c r="CV76" s="76"/>
      <c r="CW76" s="76"/>
      <c r="CX76" s="76"/>
      <c r="CY76" s="76"/>
      <c r="CZ76" s="76"/>
      <c r="DA76" s="76"/>
      <c r="DB76" s="76"/>
      <c r="DC76" s="76"/>
      <c r="DD76" s="76"/>
      <c r="DE76" s="76"/>
      <c r="DF76" s="76"/>
      <c r="DG76" s="76"/>
      <c r="DH76" s="76"/>
      <c r="DI76" s="76"/>
      <c r="DJ76" s="76"/>
      <c r="DK76" s="76"/>
      <c r="DL76" s="76"/>
      <c r="DM76" s="76"/>
      <c r="DN76" s="76"/>
      <c r="DO76" s="76"/>
      <c r="DP76" s="76"/>
      <c r="DQ76" s="76"/>
      <c r="DR76" s="76"/>
      <c r="DS76" s="76"/>
      <c r="DT76" s="76"/>
      <c r="DU76" s="76"/>
      <c r="DV76" s="76"/>
      <c r="DW76" s="76"/>
      <c r="DX76" s="76"/>
      <c r="DY76" s="76"/>
      <c r="DZ76" s="76"/>
      <c r="EA76" s="76"/>
      <c r="EB76" s="76"/>
      <c r="EC76" s="76"/>
      <c r="ED76" s="76"/>
      <c r="EE76" s="76"/>
      <c r="EF76" s="76"/>
      <c r="EG76" s="76"/>
      <c r="EH76" s="76"/>
      <c r="EI76" s="76"/>
      <c r="EJ76" s="76"/>
      <c r="EK76" s="76"/>
      <c r="EL76" s="76"/>
      <c r="EM76" s="76"/>
      <c r="EN76" s="76"/>
      <c r="EO76" s="76"/>
      <c r="EP76" s="76"/>
      <c r="EQ76" s="76"/>
      <c r="ER76" s="76"/>
      <c r="ES76" s="76"/>
      <c r="ET76" s="76"/>
      <c r="EU76" s="76"/>
      <c r="EV76" s="76"/>
      <c r="EW76" s="76"/>
      <c r="EX76" s="76"/>
      <c r="EY76" s="76"/>
      <c r="EZ76" s="76"/>
      <c r="FA76" s="76"/>
      <c r="FB76" s="76"/>
      <c r="FC76" s="76"/>
      <c r="FD76" s="76"/>
      <c r="FE76" s="76"/>
      <c r="FF76" s="76"/>
      <c r="FG76" s="76"/>
      <c r="FH76" s="76"/>
      <c r="FI76" s="76"/>
      <c r="FJ76" s="76"/>
      <c r="FK76" s="76"/>
      <c r="FL76" s="76"/>
      <c r="FM76" s="76"/>
      <c r="FN76" s="76"/>
      <c r="FO76" s="76"/>
      <c r="FP76" s="76"/>
      <c r="FQ76" s="76"/>
      <c r="FR76" s="76"/>
      <c r="FS76" s="76"/>
      <c r="FT76" s="76"/>
      <c r="FU76" s="76"/>
      <c r="FV76" s="76"/>
      <c r="FW76" s="76"/>
      <c r="FX76" s="76"/>
      <c r="FY76" s="76"/>
      <c r="FZ76" s="76"/>
      <c r="GA76" s="76"/>
      <c r="GB76" s="76"/>
      <c r="GC76" s="76"/>
      <c r="GD76" s="76"/>
      <c r="GE76" s="76"/>
      <c r="GF76" s="76"/>
      <c r="GG76" s="76"/>
      <c r="GH76" s="76"/>
      <c r="GI76" s="76"/>
      <c r="GJ76" s="76"/>
      <c r="GK76" s="76"/>
      <c r="GL76" s="76"/>
    </row>
    <row r="77" spans="1:194" s="77" customFormat="1" x14ac:dyDescent="0.15">
      <c r="A77" s="76"/>
      <c r="B77" s="76"/>
      <c r="C77" s="76"/>
      <c r="D77" s="76"/>
      <c r="E77" s="76"/>
      <c r="F77" s="76"/>
      <c r="G77" s="76"/>
      <c r="H77" s="76"/>
      <c r="I77" s="76"/>
      <c r="J77" s="76"/>
      <c r="K77" s="76"/>
      <c r="L77" s="76"/>
      <c r="M77" s="76"/>
      <c r="N77" s="76"/>
      <c r="O77" s="76"/>
      <c r="P77" s="76"/>
      <c r="Q77" s="76"/>
      <c r="R77" s="76"/>
      <c r="S77" s="76"/>
      <c r="T77" s="76"/>
      <c r="U77" s="76"/>
      <c r="V77" s="76"/>
      <c r="W77" s="76"/>
      <c r="X77" s="76"/>
      <c r="Y77" s="76"/>
      <c r="Z77" s="75"/>
      <c r="AA77" s="75"/>
      <c r="AB77" s="75"/>
      <c r="AC77" s="75"/>
      <c r="AD77" s="75"/>
      <c r="AE77" s="75"/>
      <c r="AF77" s="75"/>
      <c r="AG77" s="75"/>
      <c r="AH77" s="75"/>
      <c r="AI77" s="75"/>
      <c r="AJ77" s="75"/>
      <c r="AK77" s="75"/>
      <c r="AL77" s="75"/>
      <c r="AM77" s="75"/>
      <c r="AN77" s="75"/>
      <c r="AO77" s="75"/>
      <c r="AR77" s="76"/>
      <c r="AS77" s="76"/>
      <c r="AT77" s="76"/>
      <c r="AU77" s="76"/>
      <c r="AV77" s="76"/>
      <c r="AW77" s="76"/>
      <c r="AX77" s="76"/>
      <c r="AY77" s="76"/>
      <c r="AZ77" s="76"/>
      <c r="BA77" s="76"/>
      <c r="BB77" s="76"/>
      <c r="BC77" s="76"/>
      <c r="BD77" s="76"/>
      <c r="BE77" s="76"/>
      <c r="BF77" s="76"/>
      <c r="BG77" s="76"/>
      <c r="BH77" s="76"/>
      <c r="BI77" s="76"/>
      <c r="BJ77" s="76"/>
      <c r="BK77" s="76"/>
      <c r="BL77" s="76"/>
      <c r="BM77" s="76"/>
      <c r="BN77" s="76"/>
      <c r="BO77" s="76"/>
      <c r="BP77" s="76"/>
      <c r="BQ77" s="76"/>
      <c r="BR77" s="76"/>
      <c r="BS77" s="76"/>
      <c r="BT77" s="76"/>
      <c r="BU77" s="76"/>
      <c r="BV77" s="76"/>
      <c r="BW77" s="76"/>
      <c r="BX77" s="76"/>
      <c r="BY77" s="76"/>
      <c r="BZ77" s="76"/>
      <c r="CA77" s="76"/>
      <c r="CB77" s="76"/>
      <c r="CC77" s="76"/>
      <c r="CD77" s="76"/>
      <c r="CE77" s="76"/>
      <c r="CF77" s="76"/>
      <c r="CG77" s="76"/>
      <c r="CH77" s="76"/>
      <c r="CI77" s="76"/>
      <c r="CJ77" s="76"/>
      <c r="CK77" s="76"/>
      <c r="CL77" s="76"/>
      <c r="CM77" s="76"/>
      <c r="CN77" s="76"/>
      <c r="CO77" s="76"/>
      <c r="CP77" s="76"/>
      <c r="CQ77" s="76"/>
      <c r="CR77" s="76"/>
      <c r="CS77" s="76"/>
      <c r="CT77" s="76"/>
      <c r="CU77" s="76"/>
      <c r="CV77" s="76"/>
      <c r="CW77" s="76"/>
      <c r="CX77" s="76"/>
      <c r="CY77" s="76"/>
      <c r="CZ77" s="76"/>
      <c r="DA77" s="76"/>
      <c r="DB77" s="76"/>
      <c r="DC77" s="76"/>
      <c r="DD77" s="76"/>
      <c r="DE77" s="76"/>
      <c r="DF77" s="76"/>
      <c r="DG77" s="76"/>
      <c r="DH77" s="76"/>
      <c r="DI77" s="76"/>
      <c r="DJ77" s="76"/>
      <c r="DK77" s="76"/>
      <c r="DL77" s="76"/>
      <c r="DM77" s="76"/>
      <c r="DN77" s="76"/>
      <c r="DO77" s="76"/>
      <c r="DP77" s="76"/>
      <c r="DQ77" s="76"/>
      <c r="DR77" s="76"/>
      <c r="DS77" s="76"/>
      <c r="DT77" s="76"/>
      <c r="DU77" s="76"/>
      <c r="DV77" s="76"/>
      <c r="DW77" s="76"/>
      <c r="DX77" s="76"/>
      <c r="DY77" s="76"/>
      <c r="DZ77" s="76"/>
      <c r="EA77" s="76"/>
      <c r="EB77" s="76"/>
      <c r="EC77" s="76"/>
      <c r="ED77" s="76"/>
      <c r="EE77" s="76"/>
      <c r="EF77" s="76"/>
      <c r="EG77" s="76"/>
      <c r="EH77" s="76"/>
      <c r="EI77" s="76"/>
      <c r="EJ77" s="76"/>
      <c r="EK77" s="76"/>
      <c r="EL77" s="76"/>
      <c r="EM77" s="76"/>
      <c r="EN77" s="76"/>
      <c r="EO77" s="76"/>
      <c r="EP77" s="76"/>
      <c r="EQ77" s="76"/>
      <c r="ER77" s="76"/>
      <c r="ES77" s="76"/>
      <c r="ET77" s="76"/>
      <c r="EU77" s="76"/>
      <c r="EV77" s="76"/>
      <c r="EW77" s="76"/>
      <c r="EX77" s="76"/>
      <c r="EY77" s="76"/>
      <c r="EZ77" s="76"/>
      <c r="FA77" s="76"/>
      <c r="FB77" s="76"/>
      <c r="FC77" s="76"/>
      <c r="FD77" s="76"/>
      <c r="FE77" s="76"/>
      <c r="FF77" s="76"/>
      <c r="FG77" s="76"/>
      <c r="FH77" s="76"/>
      <c r="FI77" s="76"/>
      <c r="FJ77" s="76"/>
      <c r="FK77" s="76"/>
      <c r="FL77" s="76"/>
      <c r="FM77" s="76"/>
      <c r="FN77" s="76"/>
      <c r="FO77" s="76"/>
      <c r="FP77" s="76"/>
      <c r="FQ77" s="76"/>
      <c r="FR77" s="76"/>
      <c r="FS77" s="76"/>
      <c r="FT77" s="76"/>
      <c r="FU77" s="76"/>
      <c r="FV77" s="76"/>
      <c r="FW77" s="76"/>
      <c r="FX77" s="76"/>
      <c r="FY77" s="76"/>
      <c r="FZ77" s="76"/>
      <c r="GA77" s="76"/>
      <c r="GB77" s="76"/>
      <c r="GC77" s="76"/>
      <c r="GD77" s="76"/>
      <c r="GE77" s="76"/>
      <c r="GF77" s="76"/>
      <c r="GG77" s="76"/>
      <c r="GH77" s="76"/>
      <c r="GI77" s="76"/>
      <c r="GJ77" s="76"/>
      <c r="GK77" s="76"/>
      <c r="GL77" s="76"/>
    </row>
    <row r="78" spans="1:194" s="77" customFormat="1" x14ac:dyDescent="0.15">
      <c r="A78" s="76"/>
      <c r="B78" s="76"/>
      <c r="C78" s="76"/>
      <c r="D78" s="76"/>
      <c r="E78" s="76"/>
      <c r="F78" s="76"/>
      <c r="G78" s="76"/>
      <c r="H78" s="76"/>
      <c r="I78" s="76"/>
      <c r="J78" s="76"/>
      <c r="K78" s="76"/>
      <c r="L78" s="76"/>
      <c r="M78" s="76"/>
      <c r="N78" s="76"/>
      <c r="O78" s="76"/>
      <c r="P78" s="76"/>
      <c r="Q78" s="76"/>
      <c r="R78" s="76"/>
      <c r="S78" s="76"/>
      <c r="T78" s="76"/>
      <c r="U78" s="76"/>
      <c r="V78" s="76"/>
      <c r="W78" s="76"/>
      <c r="X78" s="76"/>
      <c r="Y78" s="76"/>
      <c r="Z78" s="75"/>
      <c r="AA78" s="75"/>
      <c r="AB78" s="75"/>
      <c r="AC78" s="75"/>
      <c r="AD78" s="75"/>
      <c r="AE78" s="75"/>
      <c r="AF78" s="75"/>
      <c r="AG78" s="75"/>
      <c r="AH78" s="75"/>
      <c r="AI78" s="75"/>
      <c r="AJ78" s="75"/>
      <c r="AK78" s="75"/>
      <c r="AL78" s="75"/>
      <c r="AM78" s="75"/>
      <c r="AN78" s="75"/>
      <c r="AO78" s="75"/>
      <c r="AR78" s="76"/>
      <c r="AS78" s="76"/>
      <c r="AT78" s="76"/>
      <c r="AU78" s="76"/>
      <c r="AV78" s="76"/>
      <c r="AW78" s="76"/>
      <c r="AX78" s="76"/>
      <c r="AY78" s="76"/>
      <c r="AZ78" s="76"/>
      <c r="BA78" s="76"/>
      <c r="BB78" s="76"/>
      <c r="BC78" s="76"/>
      <c r="BD78" s="76"/>
      <c r="BE78" s="76"/>
      <c r="BF78" s="76"/>
      <c r="BG78" s="76"/>
      <c r="BH78" s="76"/>
      <c r="BI78" s="76"/>
      <c r="BJ78" s="76"/>
      <c r="BK78" s="76"/>
      <c r="BL78" s="76"/>
      <c r="BM78" s="76"/>
      <c r="BN78" s="76"/>
      <c r="BO78" s="76"/>
      <c r="BP78" s="76"/>
      <c r="BQ78" s="76"/>
      <c r="BR78" s="76"/>
      <c r="BS78" s="76"/>
      <c r="BT78" s="76"/>
      <c r="BU78" s="76"/>
      <c r="BV78" s="76"/>
      <c r="BW78" s="76"/>
      <c r="BX78" s="76"/>
      <c r="BY78" s="76"/>
      <c r="BZ78" s="76"/>
      <c r="CA78" s="76"/>
      <c r="CB78" s="76"/>
      <c r="CC78" s="76"/>
      <c r="CD78" s="76"/>
      <c r="CE78" s="76"/>
      <c r="CF78" s="76"/>
      <c r="CG78" s="76"/>
      <c r="CH78" s="76"/>
      <c r="CI78" s="76"/>
      <c r="CJ78" s="76"/>
      <c r="CK78" s="76"/>
      <c r="CL78" s="76"/>
      <c r="CM78" s="76"/>
      <c r="CN78" s="76"/>
      <c r="CO78" s="76"/>
      <c r="CP78" s="76"/>
      <c r="CQ78" s="76"/>
      <c r="CR78" s="76"/>
      <c r="CS78" s="76"/>
      <c r="CT78" s="76"/>
      <c r="CU78" s="76"/>
      <c r="CV78" s="76"/>
      <c r="CW78" s="76"/>
      <c r="CX78" s="76"/>
      <c r="CY78" s="76"/>
      <c r="CZ78" s="76"/>
      <c r="DA78" s="76"/>
      <c r="DB78" s="76"/>
      <c r="DC78" s="76"/>
      <c r="DD78" s="76"/>
      <c r="DE78" s="76"/>
      <c r="DF78" s="76"/>
      <c r="DG78" s="76"/>
      <c r="DH78" s="76"/>
      <c r="DI78" s="76"/>
      <c r="DJ78" s="76"/>
      <c r="DK78" s="76"/>
      <c r="DL78" s="76"/>
      <c r="DM78" s="76"/>
      <c r="DN78" s="76"/>
      <c r="DO78" s="76"/>
      <c r="DP78" s="76"/>
      <c r="DQ78" s="76"/>
      <c r="DR78" s="76"/>
      <c r="DS78" s="76"/>
      <c r="DT78" s="76"/>
      <c r="DU78" s="76"/>
      <c r="DV78" s="76"/>
      <c r="DW78" s="76"/>
      <c r="DX78" s="76"/>
      <c r="DY78" s="76"/>
      <c r="DZ78" s="76"/>
      <c r="EA78" s="76"/>
      <c r="EB78" s="76"/>
      <c r="EC78" s="76"/>
      <c r="ED78" s="76"/>
      <c r="EE78" s="76"/>
      <c r="EF78" s="76"/>
      <c r="EG78" s="76"/>
      <c r="EH78" s="76"/>
      <c r="EI78" s="76"/>
      <c r="EJ78" s="76"/>
      <c r="EK78" s="76"/>
      <c r="EL78" s="76"/>
      <c r="EM78" s="76"/>
      <c r="EN78" s="76"/>
      <c r="EO78" s="76"/>
      <c r="EP78" s="76"/>
      <c r="EQ78" s="76"/>
      <c r="ER78" s="76"/>
      <c r="ES78" s="76"/>
      <c r="ET78" s="76"/>
      <c r="EU78" s="76"/>
      <c r="EV78" s="76"/>
      <c r="EW78" s="76"/>
      <c r="EX78" s="76"/>
      <c r="EY78" s="76"/>
      <c r="EZ78" s="76"/>
      <c r="FA78" s="76"/>
      <c r="FB78" s="76"/>
      <c r="FC78" s="76"/>
      <c r="FD78" s="76"/>
      <c r="FE78" s="76"/>
      <c r="FF78" s="76"/>
      <c r="FG78" s="76"/>
      <c r="FH78" s="76"/>
      <c r="FI78" s="76"/>
      <c r="FJ78" s="76"/>
      <c r="FK78" s="76"/>
      <c r="FL78" s="76"/>
      <c r="FM78" s="76"/>
      <c r="FN78" s="76"/>
      <c r="FO78" s="76"/>
      <c r="FP78" s="76"/>
      <c r="FQ78" s="76"/>
      <c r="FR78" s="76"/>
      <c r="FS78" s="76"/>
      <c r="FT78" s="76"/>
      <c r="FU78" s="76"/>
      <c r="FV78" s="76"/>
      <c r="FW78" s="76"/>
      <c r="FX78" s="76"/>
      <c r="FY78" s="76"/>
      <c r="FZ78" s="76"/>
      <c r="GA78" s="76"/>
      <c r="GB78" s="76"/>
      <c r="GC78" s="76"/>
      <c r="GD78" s="76"/>
      <c r="GE78" s="76"/>
      <c r="GF78" s="76"/>
      <c r="GG78" s="76"/>
      <c r="GH78" s="76"/>
      <c r="GI78" s="76"/>
      <c r="GJ78" s="76"/>
      <c r="GK78" s="76"/>
      <c r="GL78" s="76"/>
    </row>
    <row r="79" spans="1:194" s="77" customFormat="1" x14ac:dyDescent="0.15">
      <c r="A79" s="76"/>
      <c r="B79" s="76"/>
      <c r="C79" s="76"/>
      <c r="D79" s="76"/>
      <c r="E79" s="76"/>
      <c r="F79" s="76"/>
      <c r="G79" s="76"/>
      <c r="H79" s="76"/>
      <c r="I79" s="76"/>
      <c r="J79" s="76"/>
      <c r="K79" s="76"/>
      <c r="L79" s="76"/>
      <c r="M79" s="76"/>
      <c r="N79" s="76"/>
      <c r="O79" s="76"/>
      <c r="P79" s="76"/>
      <c r="Q79" s="76"/>
      <c r="R79" s="76"/>
      <c r="S79" s="76"/>
      <c r="T79" s="76"/>
      <c r="U79" s="76"/>
      <c r="V79" s="76"/>
      <c r="W79" s="76"/>
      <c r="X79" s="76"/>
      <c r="Y79" s="76"/>
      <c r="Z79" s="75"/>
      <c r="AA79" s="75"/>
      <c r="AB79" s="75"/>
      <c r="AC79" s="75"/>
      <c r="AD79" s="75"/>
      <c r="AE79" s="75"/>
      <c r="AF79" s="75"/>
      <c r="AG79" s="75"/>
      <c r="AH79" s="75"/>
      <c r="AI79" s="75"/>
      <c r="AJ79" s="75"/>
      <c r="AK79" s="75"/>
      <c r="AL79" s="75"/>
      <c r="AM79" s="75"/>
      <c r="AN79" s="75"/>
      <c r="AO79" s="75"/>
      <c r="AR79" s="76"/>
      <c r="AS79" s="76"/>
      <c r="AT79" s="76"/>
      <c r="AU79" s="76"/>
      <c r="AV79" s="76"/>
      <c r="AW79" s="76"/>
      <c r="AX79" s="76"/>
      <c r="AY79" s="76"/>
      <c r="AZ79" s="76"/>
      <c r="BA79" s="76"/>
      <c r="BB79" s="76"/>
      <c r="BC79" s="76"/>
      <c r="BD79" s="76"/>
      <c r="BE79" s="76"/>
      <c r="BF79" s="76"/>
      <c r="BG79" s="76"/>
      <c r="BH79" s="76"/>
      <c r="BI79" s="76"/>
      <c r="BJ79" s="76"/>
      <c r="BK79" s="76"/>
      <c r="BL79" s="76"/>
      <c r="BM79" s="76"/>
      <c r="BN79" s="76"/>
      <c r="BO79" s="76"/>
      <c r="BP79" s="76"/>
      <c r="BQ79" s="76"/>
      <c r="BR79" s="76"/>
      <c r="BS79" s="76"/>
      <c r="BT79" s="76"/>
      <c r="BU79" s="76"/>
      <c r="BV79" s="76"/>
      <c r="BW79" s="76"/>
      <c r="BX79" s="76"/>
      <c r="BY79" s="76"/>
      <c r="BZ79" s="76"/>
      <c r="CA79" s="76"/>
      <c r="CB79" s="76"/>
      <c r="CC79" s="76"/>
      <c r="CD79" s="76"/>
      <c r="CE79" s="76"/>
      <c r="CF79" s="76"/>
      <c r="CG79" s="76"/>
      <c r="CH79" s="76"/>
      <c r="CI79" s="76"/>
      <c r="CJ79" s="76"/>
      <c r="CK79" s="76"/>
      <c r="CL79" s="76"/>
      <c r="CM79" s="76"/>
      <c r="CN79" s="76"/>
      <c r="CO79" s="76"/>
      <c r="CP79" s="76"/>
      <c r="CQ79" s="76"/>
      <c r="CR79" s="76"/>
      <c r="CS79" s="76"/>
      <c r="CT79" s="76"/>
      <c r="CU79" s="76"/>
      <c r="CV79" s="76"/>
      <c r="CW79" s="76"/>
      <c r="CX79" s="76"/>
      <c r="CY79" s="76"/>
      <c r="CZ79" s="76"/>
      <c r="DA79" s="76"/>
      <c r="DB79" s="76"/>
      <c r="DC79" s="76"/>
      <c r="DD79" s="76"/>
      <c r="DE79" s="76"/>
      <c r="DF79" s="76"/>
      <c r="DG79" s="76"/>
      <c r="DH79" s="76"/>
      <c r="DI79" s="76"/>
      <c r="DJ79" s="76"/>
      <c r="DK79" s="76"/>
      <c r="DL79" s="76"/>
      <c r="DM79" s="76"/>
      <c r="DN79" s="76"/>
      <c r="DO79" s="76"/>
      <c r="DP79" s="76"/>
      <c r="DQ79" s="76"/>
      <c r="DR79" s="76"/>
      <c r="DS79" s="76"/>
      <c r="DT79" s="76"/>
      <c r="DU79" s="76"/>
      <c r="DV79" s="76"/>
      <c r="DW79" s="76"/>
      <c r="DX79" s="76"/>
      <c r="DY79" s="76"/>
      <c r="DZ79" s="76"/>
      <c r="EA79" s="76"/>
      <c r="EB79" s="76"/>
      <c r="EC79" s="76"/>
      <c r="ED79" s="76"/>
      <c r="EE79" s="76"/>
      <c r="EF79" s="76"/>
      <c r="EG79" s="76"/>
      <c r="EH79" s="76"/>
      <c r="EI79" s="76"/>
      <c r="EJ79" s="76"/>
      <c r="EK79" s="76"/>
      <c r="EL79" s="76"/>
      <c r="EM79" s="76"/>
      <c r="EN79" s="76"/>
      <c r="EO79" s="76"/>
      <c r="EP79" s="76"/>
      <c r="EQ79" s="76"/>
      <c r="ER79" s="76"/>
      <c r="ES79" s="76"/>
      <c r="ET79" s="76"/>
      <c r="EU79" s="76"/>
      <c r="EV79" s="76"/>
      <c r="EW79" s="76"/>
      <c r="EX79" s="76"/>
      <c r="EY79" s="76"/>
      <c r="EZ79" s="76"/>
      <c r="FA79" s="76"/>
      <c r="FB79" s="76"/>
      <c r="FC79" s="76"/>
      <c r="FD79" s="76"/>
      <c r="FE79" s="76"/>
      <c r="FF79" s="76"/>
      <c r="FG79" s="76"/>
      <c r="FH79" s="76"/>
      <c r="FI79" s="76"/>
      <c r="FJ79" s="76"/>
      <c r="FK79" s="76"/>
      <c r="FL79" s="76"/>
      <c r="FM79" s="76"/>
      <c r="FN79" s="76"/>
      <c r="FO79" s="76"/>
      <c r="FP79" s="76"/>
      <c r="FQ79" s="76"/>
      <c r="FR79" s="76"/>
      <c r="FS79" s="76"/>
      <c r="FT79" s="76"/>
      <c r="FU79" s="76"/>
      <c r="FV79" s="76"/>
      <c r="FW79" s="76"/>
      <c r="FX79" s="76"/>
      <c r="FY79" s="76"/>
      <c r="FZ79" s="76"/>
      <c r="GA79" s="76"/>
      <c r="GB79" s="76"/>
      <c r="GC79" s="76"/>
      <c r="GD79" s="76"/>
      <c r="GE79" s="76"/>
      <c r="GF79" s="76"/>
      <c r="GG79" s="76"/>
      <c r="GH79" s="76"/>
      <c r="GI79" s="76"/>
      <c r="GJ79" s="76"/>
      <c r="GK79" s="76"/>
      <c r="GL79" s="76"/>
    </row>
    <row r="80" spans="1:194" s="77" customFormat="1" x14ac:dyDescent="0.15">
      <c r="A80" s="76"/>
      <c r="B80" s="76"/>
      <c r="C80" s="76"/>
      <c r="D80" s="76"/>
      <c r="E80" s="76"/>
      <c r="F80" s="76"/>
      <c r="G80" s="76"/>
      <c r="H80" s="76"/>
      <c r="I80" s="76"/>
      <c r="J80" s="76"/>
      <c r="K80" s="76"/>
      <c r="L80" s="76"/>
      <c r="M80" s="76"/>
      <c r="N80" s="76"/>
      <c r="O80" s="76"/>
      <c r="P80" s="76"/>
      <c r="Q80" s="76"/>
      <c r="R80" s="76"/>
      <c r="S80" s="76"/>
      <c r="T80" s="76"/>
      <c r="U80" s="76"/>
      <c r="V80" s="76"/>
      <c r="W80" s="76"/>
      <c r="X80" s="76"/>
      <c r="Y80" s="76"/>
      <c r="Z80" s="75"/>
      <c r="AA80" s="75"/>
      <c r="AB80" s="75"/>
      <c r="AC80" s="75"/>
      <c r="AD80" s="75"/>
      <c r="AE80" s="75"/>
      <c r="AF80" s="75"/>
      <c r="AG80" s="75"/>
      <c r="AH80" s="75"/>
      <c r="AI80" s="75"/>
      <c r="AJ80" s="75"/>
      <c r="AK80" s="75"/>
      <c r="AL80" s="75"/>
      <c r="AM80" s="75"/>
      <c r="AN80" s="75"/>
      <c r="AO80" s="75"/>
      <c r="AR80" s="76"/>
      <c r="AS80" s="76"/>
      <c r="AT80" s="76"/>
      <c r="AU80" s="76"/>
      <c r="AV80" s="76"/>
      <c r="AW80" s="76"/>
      <c r="AX80" s="76"/>
      <c r="AY80" s="76"/>
      <c r="AZ80" s="76"/>
      <c r="BA80" s="76"/>
      <c r="BB80" s="76"/>
      <c r="BC80" s="76"/>
      <c r="BD80" s="76"/>
      <c r="BE80" s="76"/>
      <c r="BF80" s="76"/>
      <c r="BG80" s="76"/>
      <c r="BH80" s="76"/>
      <c r="BI80" s="76"/>
      <c r="BJ80" s="76"/>
      <c r="BK80" s="76"/>
      <c r="BL80" s="76"/>
      <c r="BM80" s="76"/>
      <c r="BN80" s="76"/>
      <c r="BO80" s="76"/>
      <c r="BP80" s="76"/>
      <c r="BQ80" s="76"/>
      <c r="BR80" s="76"/>
      <c r="BS80" s="76"/>
      <c r="BT80" s="76"/>
      <c r="BU80" s="76"/>
      <c r="BV80" s="76"/>
      <c r="BW80" s="76"/>
      <c r="BX80" s="76"/>
      <c r="BY80" s="76"/>
      <c r="BZ80" s="76"/>
      <c r="CA80" s="76"/>
      <c r="CB80" s="76"/>
      <c r="CC80" s="76"/>
      <c r="CD80" s="76"/>
      <c r="CE80" s="76"/>
      <c r="CF80" s="76"/>
      <c r="CG80" s="76"/>
      <c r="CH80" s="76"/>
      <c r="CI80" s="76"/>
      <c r="CJ80" s="76"/>
      <c r="CK80" s="76"/>
      <c r="CL80" s="76"/>
      <c r="CM80" s="76"/>
      <c r="CN80" s="76"/>
      <c r="CO80" s="76"/>
      <c r="CP80" s="76"/>
      <c r="CQ80" s="76"/>
      <c r="CR80" s="76"/>
      <c r="CS80" s="76"/>
      <c r="CT80" s="76"/>
      <c r="CU80" s="76"/>
      <c r="CV80" s="76"/>
      <c r="CW80" s="76"/>
      <c r="CX80" s="76"/>
      <c r="CY80" s="76"/>
      <c r="CZ80" s="76"/>
      <c r="DA80" s="76"/>
      <c r="DB80" s="76"/>
      <c r="DC80" s="76"/>
      <c r="DD80" s="76"/>
      <c r="DE80" s="76"/>
      <c r="DF80" s="76"/>
      <c r="DG80" s="76"/>
      <c r="DH80" s="76"/>
      <c r="DI80" s="76"/>
      <c r="DJ80" s="76"/>
      <c r="DK80" s="76"/>
      <c r="DL80" s="76"/>
      <c r="DM80" s="76"/>
      <c r="DN80" s="76"/>
      <c r="DO80" s="76"/>
      <c r="DP80" s="76"/>
      <c r="DQ80" s="76"/>
      <c r="DR80" s="76"/>
      <c r="DS80" s="76"/>
      <c r="DT80" s="76"/>
      <c r="DU80" s="76"/>
      <c r="DV80" s="76"/>
      <c r="DW80" s="76"/>
      <c r="DX80" s="76"/>
      <c r="DY80" s="76"/>
      <c r="DZ80" s="76"/>
      <c r="EA80" s="76"/>
      <c r="EB80" s="76"/>
      <c r="EC80" s="76"/>
      <c r="ED80" s="76"/>
      <c r="EE80" s="76"/>
      <c r="EF80" s="76"/>
      <c r="EG80" s="76"/>
      <c r="EH80" s="76"/>
      <c r="EI80" s="76"/>
      <c r="EJ80" s="76"/>
      <c r="EK80" s="76"/>
      <c r="EL80" s="76"/>
      <c r="EM80" s="76"/>
      <c r="EN80" s="76"/>
      <c r="EO80" s="76"/>
      <c r="EP80" s="76"/>
      <c r="EQ80" s="76"/>
      <c r="ER80" s="76"/>
      <c r="ES80" s="76"/>
      <c r="ET80" s="76"/>
      <c r="EU80" s="76"/>
      <c r="EV80" s="76"/>
      <c r="EW80" s="76"/>
      <c r="EX80" s="76"/>
      <c r="EY80" s="76"/>
      <c r="EZ80" s="76"/>
      <c r="FA80" s="76"/>
      <c r="FB80" s="76"/>
      <c r="FC80" s="76"/>
      <c r="FD80" s="76"/>
      <c r="FE80" s="76"/>
      <c r="FF80" s="76"/>
      <c r="FG80" s="76"/>
      <c r="FH80" s="76"/>
      <c r="FI80" s="76"/>
      <c r="FJ80" s="76"/>
      <c r="FK80" s="76"/>
      <c r="FL80" s="76"/>
      <c r="FM80" s="76"/>
      <c r="FN80" s="76"/>
      <c r="FO80" s="76"/>
      <c r="FP80" s="76"/>
      <c r="FQ80" s="76"/>
      <c r="FR80" s="76"/>
      <c r="FS80" s="76"/>
      <c r="FT80" s="76"/>
      <c r="FU80" s="76"/>
      <c r="FV80" s="76"/>
      <c r="FW80" s="76"/>
      <c r="FX80" s="76"/>
      <c r="FY80" s="76"/>
      <c r="FZ80" s="76"/>
      <c r="GA80" s="76"/>
      <c r="GB80" s="76"/>
      <c r="GC80" s="76"/>
      <c r="GD80" s="76"/>
      <c r="GE80" s="76"/>
      <c r="GF80" s="76"/>
      <c r="GG80" s="76"/>
      <c r="GH80" s="76"/>
      <c r="GI80" s="76"/>
      <c r="GJ80" s="76"/>
      <c r="GK80" s="76"/>
      <c r="GL80" s="76"/>
    </row>
    <row r="81" spans="1:194" s="77" customFormat="1" x14ac:dyDescent="0.15">
      <c r="A81" s="76"/>
      <c r="B81" s="76"/>
      <c r="C81" s="76"/>
      <c r="D81" s="76"/>
      <c r="E81" s="76"/>
      <c r="F81" s="76"/>
      <c r="G81" s="76"/>
      <c r="H81" s="76"/>
      <c r="I81" s="76"/>
      <c r="J81" s="76"/>
      <c r="K81" s="76"/>
      <c r="L81" s="76"/>
      <c r="M81" s="76"/>
      <c r="N81" s="76"/>
      <c r="O81" s="76"/>
      <c r="P81" s="76"/>
      <c r="Q81" s="76"/>
      <c r="R81" s="76"/>
      <c r="S81" s="76"/>
      <c r="T81" s="76"/>
      <c r="U81" s="76"/>
      <c r="V81" s="76"/>
      <c r="W81" s="76"/>
      <c r="X81" s="76"/>
      <c r="Y81" s="76"/>
      <c r="Z81" s="75"/>
      <c r="AA81" s="75"/>
      <c r="AB81" s="75"/>
      <c r="AC81" s="75"/>
      <c r="AD81" s="75"/>
      <c r="AE81" s="75"/>
      <c r="AF81" s="75"/>
      <c r="AG81" s="75"/>
      <c r="AH81" s="75"/>
      <c r="AI81" s="75"/>
      <c r="AJ81" s="75"/>
      <c r="AK81" s="75"/>
      <c r="AL81" s="75"/>
      <c r="AM81" s="75"/>
      <c r="AN81" s="75"/>
      <c r="AO81" s="75"/>
      <c r="AR81" s="76"/>
      <c r="AS81" s="76"/>
      <c r="AT81" s="76"/>
      <c r="AU81" s="76"/>
      <c r="AV81" s="76"/>
      <c r="AW81" s="76"/>
      <c r="AX81" s="76"/>
      <c r="AY81" s="76"/>
      <c r="AZ81" s="76"/>
      <c r="BA81" s="76"/>
      <c r="BB81" s="76"/>
      <c r="BC81" s="76"/>
      <c r="BD81" s="76"/>
      <c r="BE81" s="76"/>
      <c r="BF81" s="76"/>
      <c r="BG81" s="76"/>
      <c r="BH81" s="76"/>
      <c r="BI81" s="76"/>
      <c r="BJ81" s="76"/>
      <c r="BK81" s="76"/>
      <c r="BL81" s="76"/>
      <c r="BM81" s="76"/>
      <c r="BN81" s="76"/>
      <c r="BO81" s="76"/>
      <c r="BP81" s="76"/>
      <c r="BQ81" s="76"/>
      <c r="BR81" s="76"/>
      <c r="BS81" s="76"/>
      <c r="BT81" s="76"/>
      <c r="BU81" s="76"/>
      <c r="BV81" s="76"/>
      <c r="BW81" s="76"/>
      <c r="BX81" s="76"/>
      <c r="BY81" s="76"/>
      <c r="BZ81" s="76"/>
      <c r="CA81" s="76"/>
      <c r="CB81" s="76"/>
      <c r="CC81" s="76"/>
      <c r="CD81" s="76"/>
      <c r="CE81" s="76"/>
      <c r="CF81" s="76"/>
      <c r="CG81" s="76"/>
      <c r="CH81" s="76"/>
      <c r="CI81" s="76"/>
      <c r="CJ81" s="76"/>
      <c r="CK81" s="76"/>
      <c r="CL81" s="76"/>
      <c r="CM81" s="76"/>
      <c r="CN81" s="76"/>
      <c r="CO81" s="76"/>
      <c r="CP81" s="76"/>
      <c r="CQ81" s="76"/>
      <c r="CR81" s="76"/>
      <c r="CS81" s="76"/>
      <c r="CT81" s="76"/>
      <c r="CU81" s="76"/>
      <c r="CV81" s="76"/>
      <c r="CW81" s="76"/>
      <c r="CX81" s="76"/>
      <c r="CY81" s="76"/>
      <c r="CZ81" s="76"/>
      <c r="DA81" s="76"/>
      <c r="DB81" s="76"/>
      <c r="DC81" s="76"/>
      <c r="DD81" s="76"/>
      <c r="DE81" s="76"/>
      <c r="DF81" s="76"/>
      <c r="DG81" s="76"/>
      <c r="DH81" s="76"/>
      <c r="DI81" s="76"/>
      <c r="DJ81" s="76"/>
      <c r="DK81" s="76"/>
      <c r="DL81" s="76"/>
      <c r="DM81" s="76"/>
      <c r="DN81" s="76"/>
      <c r="DO81" s="76"/>
      <c r="DP81" s="76"/>
      <c r="DQ81" s="76"/>
      <c r="DR81" s="76"/>
      <c r="DS81" s="76"/>
      <c r="DT81" s="76"/>
      <c r="DU81" s="76"/>
      <c r="DV81" s="76"/>
      <c r="DW81" s="76"/>
      <c r="DX81" s="76"/>
      <c r="DY81" s="76"/>
      <c r="DZ81" s="76"/>
      <c r="EA81" s="76"/>
      <c r="EB81" s="76"/>
      <c r="EC81" s="76"/>
      <c r="ED81" s="76"/>
      <c r="EE81" s="76"/>
      <c r="EF81" s="76"/>
      <c r="EG81" s="76"/>
      <c r="EH81" s="76"/>
      <c r="EI81" s="76"/>
      <c r="EJ81" s="76"/>
      <c r="EK81" s="76"/>
      <c r="EL81" s="76"/>
      <c r="EM81" s="76"/>
      <c r="EN81" s="76"/>
      <c r="EO81" s="76"/>
      <c r="EP81" s="76"/>
      <c r="EQ81" s="76"/>
      <c r="ER81" s="76"/>
      <c r="ES81" s="76"/>
      <c r="ET81" s="76"/>
      <c r="EU81" s="76"/>
      <c r="EV81" s="76"/>
      <c r="EW81" s="76"/>
      <c r="EX81" s="76"/>
      <c r="EY81" s="76"/>
      <c r="EZ81" s="76"/>
      <c r="FA81" s="76"/>
      <c r="FB81" s="76"/>
      <c r="FC81" s="76"/>
      <c r="FD81" s="76"/>
      <c r="FE81" s="76"/>
      <c r="FF81" s="76"/>
      <c r="FG81" s="76"/>
      <c r="FH81" s="76"/>
      <c r="FI81" s="76"/>
      <c r="FJ81" s="76"/>
      <c r="FK81" s="76"/>
      <c r="FL81" s="76"/>
      <c r="FM81" s="76"/>
      <c r="FN81" s="76"/>
      <c r="FO81" s="76"/>
      <c r="FP81" s="76"/>
      <c r="FQ81" s="76"/>
      <c r="FR81" s="76"/>
      <c r="FS81" s="76"/>
      <c r="FT81" s="76"/>
      <c r="FU81" s="76"/>
      <c r="FV81" s="76"/>
      <c r="FW81" s="76"/>
      <c r="FX81" s="76"/>
      <c r="FY81" s="76"/>
      <c r="FZ81" s="76"/>
      <c r="GA81" s="76"/>
      <c r="GB81" s="76"/>
      <c r="GC81" s="76"/>
      <c r="GD81" s="76"/>
      <c r="GE81" s="76"/>
      <c r="GF81" s="76"/>
      <c r="GG81" s="76"/>
      <c r="GH81" s="76"/>
      <c r="GI81" s="76"/>
      <c r="GJ81" s="76"/>
      <c r="GK81" s="76"/>
      <c r="GL81" s="76"/>
    </row>
    <row r="82" spans="1:194" s="77" customFormat="1" x14ac:dyDescent="0.15">
      <c r="A82" s="76"/>
      <c r="B82" s="76"/>
      <c r="C82" s="76"/>
      <c r="D82" s="76"/>
      <c r="E82" s="76"/>
      <c r="F82" s="76"/>
      <c r="G82" s="76"/>
      <c r="H82" s="76"/>
      <c r="I82" s="76"/>
      <c r="J82" s="76"/>
      <c r="K82" s="76"/>
      <c r="L82" s="76"/>
      <c r="M82" s="76"/>
      <c r="N82" s="76"/>
      <c r="O82" s="76"/>
      <c r="P82" s="76"/>
      <c r="Q82" s="76"/>
      <c r="R82" s="76"/>
      <c r="S82" s="76"/>
      <c r="T82" s="76"/>
      <c r="U82" s="76"/>
      <c r="V82" s="76"/>
      <c r="W82" s="76"/>
      <c r="X82" s="76"/>
      <c r="Y82" s="76"/>
      <c r="Z82" s="75"/>
      <c r="AA82" s="75"/>
      <c r="AB82" s="75"/>
      <c r="AC82" s="75"/>
      <c r="AD82" s="75"/>
      <c r="AE82" s="75"/>
      <c r="AF82" s="75"/>
      <c r="AG82" s="75"/>
      <c r="AH82" s="75"/>
      <c r="AI82" s="75"/>
      <c r="AJ82" s="75"/>
      <c r="AK82" s="75"/>
      <c r="AL82" s="75"/>
      <c r="AM82" s="75"/>
      <c r="AN82" s="75"/>
      <c r="AO82" s="75"/>
      <c r="AR82" s="76"/>
      <c r="AS82" s="76"/>
      <c r="AT82" s="76"/>
      <c r="AU82" s="76"/>
      <c r="AV82" s="76"/>
      <c r="AW82" s="76"/>
      <c r="AX82" s="76"/>
      <c r="AY82" s="76"/>
      <c r="AZ82" s="76"/>
      <c r="BA82" s="76"/>
      <c r="BB82" s="76"/>
      <c r="BC82" s="76"/>
      <c r="BD82" s="76"/>
      <c r="BE82" s="76"/>
      <c r="BF82" s="76"/>
      <c r="BG82" s="76"/>
      <c r="BH82" s="76"/>
      <c r="BI82" s="76"/>
      <c r="BJ82" s="76"/>
      <c r="BK82" s="76"/>
      <c r="BL82" s="76"/>
      <c r="BM82" s="76"/>
      <c r="BN82" s="76"/>
      <c r="BO82" s="76"/>
      <c r="BP82" s="76"/>
      <c r="BQ82" s="76"/>
      <c r="BR82" s="76"/>
      <c r="BS82" s="76"/>
      <c r="BT82" s="76"/>
      <c r="BU82" s="76"/>
      <c r="BV82" s="76"/>
      <c r="BW82" s="76"/>
      <c r="BX82" s="76"/>
      <c r="BY82" s="76"/>
      <c r="BZ82" s="76"/>
      <c r="CA82" s="76"/>
      <c r="CB82" s="76"/>
      <c r="CC82" s="76"/>
      <c r="CD82" s="76"/>
      <c r="CE82" s="76"/>
      <c r="CF82" s="76"/>
      <c r="CG82" s="76"/>
      <c r="CH82" s="76"/>
      <c r="CI82" s="76"/>
      <c r="CJ82" s="76"/>
      <c r="CK82" s="76"/>
      <c r="CL82" s="76"/>
      <c r="CM82" s="76"/>
      <c r="CN82" s="76"/>
      <c r="CO82" s="76"/>
      <c r="CP82" s="76"/>
      <c r="CQ82" s="76"/>
      <c r="CR82" s="76"/>
      <c r="CS82" s="76"/>
      <c r="CT82" s="76"/>
      <c r="CU82" s="76"/>
      <c r="CV82" s="76"/>
      <c r="CW82" s="76"/>
      <c r="CX82" s="76"/>
      <c r="CY82" s="76"/>
      <c r="CZ82" s="76"/>
      <c r="DA82" s="76"/>
      <c r="DB82" s="76"/>
      <c r="DC82" s="76"/>
      <c r="DD82" s="76"/>
      <c r="DE82" s="76"/>
      <c r="DF82" s="76"/>
      <c r="DG82" s="76"/>
      <c r="DH82" s="76"/>
      <c r="DI82" s="76"/>
      <c r="DJ82" s="76"/>
      <c r="DK82" s="76"/>
      <c r="DL82" s="76"/>
      <c r="DM82" s="76"/>
      <c r="DN82" s="76"/>
      <c r="DO82" s="76"/>
      <c r="DP82" s="76"/>
      <c r="DQ82" s="76"/>
      <c r="DR82" s="76"/>
      <c r="DS82" s="76"/>
      <c r="DT82" s="76"/>
      <c r="DU82" s="76"/>
      <c r="DV82" s="76"/>
      <c r="DW82" s="76"/>
      <c r="DX82" s="76"/>
      <c r="DY82" s="76"/>
      <c r="DZ82" s="76"/>
      <c r="EA82" s="76"/>
      <c r="EB82" s="76"/>
      <c r="EC82" s="76"/>
      <c r="ED82" s="76"/>
      <c r="EE82" s="76"/>
      <c r="EF82" s="76"/>
      <c r="EG82" s="76"/>
      <c r="EH82" s="76"/>
      <c r="EI82" s="76"/>
      <c r="EJ82" s="76"/>
      <c r="EK82" s="76"/>
      <c r="EL82" s="76"/>
      <c r="EM82" s="76"/>
      <c r="EN82" s="76"/>
      <c r="EO82" s="76"/>
      <c r="EP82" s="76"/>
      <c r="EQ82" s="76"/>
      <c r="ER82" s="76"/>
      <c r="ES82" s="76"/>
      <c r="ET82" s="76"/>
      <c r="EU82" s="76"/>
      <c r="EV82" s="76"/>
      <c r="EW82" s="76"/>
      <c r="EX82" s="76"/>
      <c r="EY82" s="76"/>
      <c r="EZ82" s="76"/>
      <c r="FA82" s="76"/>
      <c r="FB82" s="76"/>
      <c r="FC82" s="76"/>
      <c r="FD82" s="76"/>
      <c r="FE82" s="76"/>
      <c r="FF82" s="76"/>
      <c r="FG82" s="76"/>
      <c r="FH82" s="76"/>
      <c r="FI82" s="76"/>
      <c r="FJ82" s="76"/>
      <c r="FK82" s="76"/>
      <c r="FL82" s="76"/>
      <c r="FM82" s="76"/>
      <c r="FN82" s="76"/>
      <c r="FO82" s="76"/>
      <c r="FP82" s="76"/>
      <c r="FQ82" s="76"/>
      <c r="FR82" s="76"/>
      <c r="FS82" s="76"/>
      <c r="FT82" s="76"/>
      <c r="FU82" s="76"/>
      <c r="FV82" s="76"/>
      <c r="FW82" s="76"/>
      <c r="FX82" s="76"/>
      <c r="FY82" s="76"/>
      <c r="FZ82" s="76"/>
      <c r="GA82" s="76"/>
      <c r="GB82" s="76"/>
      <c r="GC82" s="76"/>
      <c r="GD82" s="76"/>
      <c r="GE82" s="76"/>
      <c r="GF82" s="76"/>
      <c r="GG82" s="76"/>
      <c r="GH82" s="76"/>
      <c r="GI82" s="76"/>
      <c r="GJ82" s="76"/>
      <c r="GK82" s="76"/>
      <c r="GL82" s="76"/>
    </row>
    <row r="83" spans="1:194" s="77" customFormat="1" x14ac:dyDescent="0.15">
      <c r="A83" s="76"/>
      <c r="B83" s="76"/>
      <c r="C83" s="76"/>
      <c r="D83" s="76"/>
      <c r="E83" s="76"/>
      <c r="F83" s="76"/>
      <c r="G83" s="76"/>
      <c r="H83" s="76"/>
      <c r="I83" s="76"/>
      <c r="J83" s="76"/>
      <c r="K83" s="76"/>
      <c r="L83" s="76"/>
      <c r="M83" s="76"/>
      <c r="N83" s="76"/>
      <c r="O83" s="76"/>
      <c r="P83" s="76"/>
      <c r="Q83" s="76"/>
      <c r="R83" s="76"/>
      <c r="S83" s="76"/>
      <c r="T83" s="76"/>
      <c r="U83" s="76"/>
      <c r="V83" s="76"/>
      <c r="W83" s="76"/>
      <c r="X83" s="76"/>
      <c r="Y83" s="76"/>
      <c r="Z83" s="75"/>
      <c r="AA83" s="75"/>
      <c r="AB83" s="75"/>
      <c r="AC83" s="75"/>
      <c r="AD83" s="75"/>
      <c r="AE83" s="75"/>
      <c r="AF83" s="75"/>
      <c r="AG83" s="75"/>
      <c r="AH83" s="75"/>
      <c r="AI83" s="75"/>
      <c r="AJ83" s="75"/>
      <c r="AK83" s="75"/>
      <c r="AL83" s="75"/>
      <c r="AM83" s="75"/>
      <c r="AN83" s="75"/>
      <c r="AO83" s="75"/>
      <c r="AR83" s="76"/>
      <c r="AS83" s="76"/>
      <c r="AT83" s="76"/>
      <c r="AU83" s="76"/>
      <c r="AV83" s="76"/>
      <c r="AW83" s="76"/>
      <c r="AX83" s="76"/>
      <c r="AY83" s="76"/>
      <c r="AZ83" s="76"/>
      <c r="BA83" s="76"/>
      <c r="BB83" s="76"/>
      <c r="BC83" s="76"/>
      <c r="BD83" s="76"/>
      <c r="BE83" s="76"/>
      <c r="BF83" s="76"/>
      <c r="BG83" s="76"/>
      <c r="BH83" s="76"/>
      <c r="BI83" s="76"/>
      <c r="BJ83" s="76"/>
      <c r="BK83" s="76"/>
      <c r="BL83" s="76"/>
      <c r="BM83" s="76"/>
      <c r="BN83" s="76"/>
      <c r="BO83" s="76"/>
      <c r="BP83" s="76"/>
      <c r="BQ83" s="76"/>
      <c r="BR83" s="76"/>
      <c r="BS83" s="76"/>
      <c r="BT83" s="76"/>
      <c r="BU83" s="76"/>
      <c r="BV83" s="76"/>
      <c r="BW83" s="76"/>
      <c r="BX83" s="76"/>
      <c r="BY83" s="76"/>
      <c r="BZ83" s="76"/>
      <c r="CA83" s="76"/>
      <c r="CB83" s="76"/>
      <c r="CC83" s="76"/>
      <c r="CD83" s="76"/>
      <c r="CE83" s="76"/>
      <c r="CF83" s="76"/>
      <c r="CG83" s="76"/>
      <c r="CH83" s="76"/>
      <c r="CI83" s="76"/>
      <c r="CJ83" s="76"/>
      <c r="CK83" s="76"/>
      <c r="CL83" s="76"/>
      <c r="CM83" s="76"/>
      <c r="CN83" s="76"/>
      <c r="CO83" s="76"/>
      <c r="CP83" s="76"/>
      <c r="CQ83" s="76"/>
      <c r="CR83" s="76"/>
      <c r="CS83" s="76"/>
      <c r="CT83" s="76"/>
      <c r="CU83" s="76"/>
      <c r="CV83" s="76"/>
      <c r="CW83" s="76"/>
      <c r="CX83" s="76"/>
      <c r="CY83" s="76"/>
      <c r="CZ83" s="76"/>
      <c r="DA83" s="76"/>
      <c r="DB83" s="76"/>
      <c r="DC83" s="76"/>
      <c r="DD83" s="76"/>
      <c r="DE83" s="76"/>
      <c r="DF83" s="76"/>
      <c r="DG83" s="76"/>
      <c r="DH83" s="76"/>
      <c r="DI83" s="76"/>
      <c r="DJ83" s="76"/>
      <c r="DK83" s="76"/>
      <c r="DL83" s="76"/>
      <c r="DM83" s="76"/>
      <c r="DN83" s="76"/>
      <c r="DO83" s="76"/>
      <c r="DP83" s="76"/>
      <c r="DQ83" s="76"/>
      <c r="DR83" s="76"/>
      <c r="DS83" s="76"/>
      <c r="DT83" s="76"/>
      <c r="DU83" s="76"/>
      <c r="DV83" s="76"/>
      <c r="DW83" s="76"/>
      <c r="DX83" s="76"/>
      <c r="DY83" s="76"/>
      <c r="DZ83" s="76"/>
      <c r="EA83" s="76"/>
      <c r="EB83" s="76"/>
      <c r="EC83" s="76"/>
      <c r="ED83" s="76"/>
      <c r="EE83" s="76"/>
      <c r="EF83" s="76"/>
      <c r="EG83" s="76"/>
      <c r="EH83" s="76"/>
      <c r="EI83" s="76"/>
      <c r="EJ83" s="76"/>
      <c r="EK83" s="76"/>
      <c r="EL83" s="76"/>
      <c r="EM83" s="76"/>
      <c r="EN83" s="76"/>
      <c r="EO83" s="76"/>
      <c r="EP83" s="76"/>
      <c r="EQ83" s="76"/>
      <c r="ER83" s="76"/>
      <c r="ES83" s="76"/>
      <c r="ET83" s="76"/>
      <c r="EU83" s="76"/>
      <c r="EV83" s="76"/>
      <c r="EW83" s="76"/>
      <c r="EX83" s="76"/>
      <c r="EY83" s="76"/>
      <c r="EZ83" s="76"/>
      <c r="FA83" s="76"/>
      <c r="FB83" s="76"/>
      <c r="FC83" s="76"/>
      <c r="FD83" s="76"/>
      <c r="FE83" s="76"/>
      <c r="FF83" s="76"/>
      <c r="FG83" s="76"/>
      <c r="FH83" s="76"/>
      <c r="FI83" s="76"/>
      <c r="FJ83" s="76"/>
      <c r="FK83" s="76"/>
      <c r="FL83" s="76"/>
      <c r="FM83" s="76"/>
      <c r="FN83" s="76"/>
      <c r="FO83" s="76"/>
      <c r="FP83" s="76"/>
      <c r="FQ83" s="76"/>
      <c r="FR83" s="76"/>
      <c r="FS83" s="76"/>
      <c r="FT83" s="76"/>
      <c r="FU83" s="76"/>
      <c r="FV83" s="76"/>
      <c r="FW83" s="76"/>
      <c r="FX83" s="76"/>
      <c r="FY83" s="76"/>
      <c r="FZ83" s="76"/>
      <c r="GA83" s="76"/>
      <c r="GB83" s="76"/>
      <c r="GC83" s="76"/>
      <c r="GD83" s="76"/>
      <c r="GE83" s="76"/>
      <c r="GF83" s="76"/>
      <c r="GG83" s="76"/>
      <c r="GH83" s="76"/>
      <c r="GI83" s="76"/>
      <c r="GJ83" s="76"/>
      <c r="GK83" s="76"/>
      <c r="GL83" s="76"/>
    </row>
    <row r="84" spans="1:194" s="77" customFormat="1" x14ac:dyDescent="0.15">
      <c r="A84" s="76"/>
      <c r="B84" s="76"/>
      <c r="C84" s="76"/>
      <c r="D84" s="76"/>
      <c r="E84" s="76"/>
      <c r="F84" s="76"/>
      <c r="G84" s="76"/>
      <c r="H84" s="76"/>
      <c r="I84" s="76"/>
      <c r="J84" s="76"/>
      <c r="K84" s="76"/>
      <c r="L84" s="76"/>
      <c r="M84" s="76"/>
      <c r="N84" s="76"/>
      <c r="O84" s="76"/>
      <c r="P84" s="76"/>
      <c r="Q84" s="76"/>
      <c r="R84" s="76"/>
      <c r="S84" s="76"/>
      <c r="T84" s="76"/>
      <c r="U84" s="76"/>
      <c r="V84" s="76"/>
      <c r="W84" s="76"/>
      <c r="X84" s="76"/>
      <c r="Y84" s="76"/>
      <c r="Z84" s="75"/>
      <c r="AA84" s="75"/>
      <c r="AB84" s="75"/>
      <c r="AC84" s="75"/>
      <c r="AD84" s="75"/>
      <c r="AE84" s="75"/>
      <c r="AF84" s="75"/>
      <c r="AG84" s="75"/>
      <c r="AH84" s="75"/>
      <c r="AI84" s="75"/>
      <c r="AJ84" s="75"/>
      <c r="AK84" s="75"/>
      <c r="AL84" s="75"/>
      <c r="AM84" s="75"/>
      <c r="AN84" s="75"/>
      <c r="AO84" s="75"/>
      <c r="AR84" s="76"/>
      <c r="AS84" s="76"/>
      <c r="AT84" s="76"/>
      <c r="AU84" s="76"/>
      <c r="AV84" s="76"/>
      <c r="AW84" s="76"/>
      <c r="AX84" s="76"/>
      <c r="AY84" s="76"/>
      <c r="AZ84" s="76"/>
      <c r="BA84" s="76"/>
      <c r="BB84" s="76"/>
      <c r="BC84" s="76"/>
      <c r="BD84" s="76"/>
      <c r="BE84" s="76"/>
      <c r="BF84" s="76"/>
      <c r="BG84" s="76"/>
      <c r="BH84" s="76"/>
      <c r="BI84" s="76"/>
      <c r="BJ84" s="76"/>
      <c r="BK84" s="76"/>
      <c r="BL84" s="76"/>
      <c r="BM84" s="76"/>
      <c r="BN84" s="76"/>
      <c r="BO84" s="76"/>
      <c r="BP84" s="76"/>
      <c r="BQ84" s="76"/>
      <c r="BR84" s="76"/>
      <c r="BS84" s="76"/>
      <c r="BT84" s="76"/>
      <c r="BU84" s="76"/>
      <c r="BV84" s="76"/>
      <c r="BW84" s="76"/>
      <c r="BX84" s="76"/>
      <c r="BY84" s="76"/>
      <c r="BZ84" s="76"/>
      <c r="CA84" s="76"/>
      <c r="CB84" s="76"/>
      <c r="CC84" s="76"/>
      <c r="CD84" s="76"/>
      <c r="CE84" s="76"/>
      <c r="CF84" s="76"/>
      <c r="CG84" s="76"/>
      <c r="CH84" s="76"/>
      <c r="CI84" s="76"/>
      <c r="CJ84" s="76"/>
      <c r="CK84" s="76"/>
      <c r="CL84" s="76"/>
      <c r="CM84" s="76"/>
      <c r="CN84" s="76"/>
      <c r="CO84" s="76"/>
      <c r="CP84" s="76"/>
      <c r="CQ84" s="76"/>
      <c r="CR84" s="76"/>
      <c r="CS84" s="76"/>
      <c r="CT84" s="76"/>
      <c r="CU84" s="76"/>
      <c r="CV84" s="76"/>
      <c r="CW84" s="76"/>
      <c r="CX84" s="76"/>
      <c r="CY84" s="76"/>
      <c r="CZ84" s="76"/>
      <c r="DA84" s="76"/>
      <c r="DB84" s="76"/>
      <c r="DC84" s="76"/>
      <c r="DD84" s="76"/>
      <c r="DE84" s="76"/>
      <c r="DF84" s="76"/>
      <c r="DG84" s="76"/>
      <c r="DH84" s="76"/>
      <c r="DI84" s="76"/>
      <c r="DJ84" s="76"/>
      <c r="DK84" s="76"/>
      <c r="DL84" s="76"/>
      <c r="DM84" s="76"/>
      <c r="DN84" s="76"/>
      <c r="DO84" s="76"/>
      <c r="DP84" s="76"/>
      <c r="DQ84" s="76"/>
      <c r="DR84" s="76"/>
      <c r="DS84" s="76"/>
      <c r="DT84" s="76"/>
      <c r="DU84" s="76"/>
      <c r="DV84" s="76"/>
      <c r="DW84" s="76"/>
      <c r="DX84" s="76"/>
      <c r="DY84" s="76"/>
      <c r="DZ84" s="76"/>
      <c r="EA84" s="76"/>
      <c r="EB84" s="76"/>
      <c r="EC84" s="76"/>
      <c r="ED84" s="76"/>
      <c r="EE84" s="76"/>
      <c r="EF84" s="76"/>
      <c r="EG84" s="76"/>
      <c r="EH84" s="76"/>
      <c r="EI84" s="76"/>
      <c r="EJ84" s="76"/>
      <c r="EK84" s="76"/>
      <c r="EL84" s="76"/>
      <c r="EM84" s="76"/>
      <c r="EN84" s="76"/>
      <c r="EO84" s="76"/>
      <c r="EP84" s="76"/>
      <c r="EQ84" s="76"/>
      <c r="ER84" s="76"/>
      <c r="ES84" s="76"/>
      <c r="ET84" s="76"/>
      <c r="EU84" s="76"/>
      <c r="EV84" s="76"/>
      <c r="EW84" s="76"/>
      <c r="EX84" s="76"/>
      <c r="EY84" s="76"/>
      <c r="EZ84" s="76"/>
      <c r="FA84" s="76"/>
      <c r="FB84" s="76"/>
      <c r="FC84" s="76"/>
      <c r="FD84" s="76"/>
      <c r="FE84" s="76"/>
      <c r="FF84" s="76"/>
      <c r="FG84" s="76"/>
      <c r="FH84" s="76"/>
      <c r="FI84" s="76"/>
      <c r="FJ84" s="76"/>
      <c r="FK84" s="76"/>
      <c r="FL84" s="76"/>
      <c r="FM84" s="76"/>
      <c r="FN84" s="76"/>
      <c r="FO84" s="76"/>
      <c r="FP84" s="76"/>
      <c r="FQ84" s="76"/>
      <c r="FR84" s="76"/>
      <c r="FS84" s="76"/>
      <c r="FT84" s="76"/>
      <c r="FU84" s="76"/>
      <c r="FV84" s="76"/>
      <c r="FW84" s="76"/>
      <c r="FX84" s="76"/>
      <c r="FY84" s="76"/>
      <c r="FZ84" s="76"/>
      <c r="GA84" s="76"/>
      <c r="GB84" s="76"/>
      <c r="GC84" s="76"/>
      <c r="GD84" s="76"/>
      <c r="GE84" s="76"/>
      <c r="GF84" s="76"/>
      <c r="GG84" s="76"/>
      <c r="GH84" s="76"/>
      <c r="GI84" s="76"/>
      <c r="GJ84" s="76"/>
      <c r="GK84" s="76"/>
      <c r="GL84" s="76"/>
    </row>
    <row r="85" spans="1:194" s="77" customFormat="1" x14ac:dyDescent="0.15">
      <c r="A85" s="76"/>
      <c r="B85" s="76"/>
      <c r="C85" s="76"/>
      <c r="D85" s="76"/>
      <c r="E85" s="76"/>
      <c r="F85" s="76"/>
      <c r="G85" s="76"/>
      <c r="H85" s="76"/>
      <c r="I85" s="76"/>
      <c r="J85" s="76"/>
      <c r="K85" s="76"/>
      <c r="L85" s="76"/>
      <c r="M85" s="76"/>
      <c r="N85" s="76"/>
      <c r="O85" s="76"/>
      <c r="P85" s="76"/>
      <c r="Q85" s="76"/>
      <c r="R85" s="76"/>
      <c r="S85" s="76"/>
      <c r="T85" s="76"/>
      <c r="U85" s="76"/>
      <c r="V85" s="76"/>
      <c r="W85" s="76"/>
      <c r="X85" s="76"/>
      <c r="Y85" s="76"/>
      <c r="Z85" s="75"/>
      <c r="AA85" s="75"/>
      <c r="AB85" s="75"/>
      <c r="AC85" s="75"/>
      <c r="AD85" s="75"/>
      <c r="AE85" s="75"/>
      <c r="AF85" s="75"/>
      <c r="AG85" s="75"/>
      <c r="AH85" s="75"/>
      <c r="AI85" s="75"/>
      <c r="AJ85" s="75"/>
      <c r="AK85" s="75"/>
      <c r="AL85" s="75"/>
      <c r="AM85" s="75"/>
      <c r="AN85" s="75"/>
      <c r="AO85" s="75"/>
      <c r="AR85" s="76"/>
      <c r="AS85" s="76"/>
      <c r="AT85" s="76"/>
      <c r="AU85" s="76"/>
      <c r="AV85" s="76"/>
      <c r="AW85" s="76"/>
      <c r="AX85" s="76"/>
      <c r="AY85" s="76"/>
      <c r="AZ85" s="76"/>
      <c r="BA85" s="76"/>
      <c r="BB85" s="76"/>
      <c r="BC85" s="76"/>
      <c r="BD85" s="76"/>
      <c r="BE85" s="76"/>
      <c r="BF85" s="76"/>
      <c r="BG85" s="76"/>
      <c r="BH85" s="76"/>
      <c r="BI85" s="76"/>
      <c r="BJ85" s="76"/>
      <c r="BK85" s="76"/>
      <c r="BL85" s="76"/>
      <c r="BM85" s="76"/>
      <c r="BN85" s="76"/>
      <c r="BO85" s="76"/>
      <c r="BP85" s="76"/>
      <c r="BQ85" s="76"/>
      <c r="BR85" s="76"/>
      <c r="BS85" s="76"/>
      <c r="BT85" s="76"/>
      <c r="BU85" s="76"/>
      <c r="BV85" s="76"/>
      <c r="BW85" s="76"/>
      <c r="BX85" s="76"/>
      <c r="BY85" s="76"/>
      <c r="BZ85" s="76"/>
      <c r="CA85" s="76"/>
      <c r="CB85" s="76"/>
      <c r="CC85" s="76"/>
      <c r="CD85" s="76"/>
      <c r="CE85" s="76"/>
      <c r="CF85" s="76"/>
      <c r="CG85" s="76"/>
      <c r="CH85" s="76"/>
      <c r="CI85" s="76"/>
      <c r="CJ85" s="76"/>
      <c r="CK85" s="76"/>
      <c r="CL85" s="76"/>
      <c r="CM85" s="76"/>
      <c r="CN85" s="76"/>
      <c r="CO85" s="76"/>
      <c r="CP85" s="76"/>
      <c r="CQ85" s="76"/>
      <c r="CR85" s="76"/>
      <c r="CS85" s="76"/>
      <c r="CT85" s="76"/>
      <c r="CU85" s="76"/>
      <c r="CV85" s="76"/>
      <c r="CW85" s="76"/>
      <c r="CX85" s="76"/>
      <c r="CY85" s="76"/>
      <c r="CZ85" s="76"/>
      <c r="DA85" s="76"/>
      <c r="DB85" s="76"/>
      <c r="DC85" s="76"/>
      <c r="DD85" s="76"/>
      <c r="DE85" s="76"/>
      <c r="DF85" s="76"/>
      <c r="DG85" s="76"/>
      <c r="DH85" s="76"/>
      <c r="DI85" s="76"/>
      <c r="DJ85" s="76"/>
      <c r="DK85" s="76"/>
      <c r="DL85" s="76"/>
      <c r="DM85" s="76"/>
      <c r="DN85" s="76"/>
      <c r="DO85" s="76"/>
      <c r="DP85" s="76"/>
      <c r="DQ85" s="76"/>
      <c r="DR85" s="76"/>
      <c r="DS85" s="76"/>
      <c r="DT85" s="76"/>
      <c r="DU85" s="76"/>
      <c r="DV85" s="76"/>
      <c r="DW85" s="76"/>
      <c r="DX85" s="76"/>
      <c r="DY85" s="76"/>
      <c r="DZ85" s="76"/>
      <c r="EA85" s="76"/>
      <c r="EB85" s="76"/>
      <c r="EC85" s="76"/>
      <c r="ED85" s="76"/>
      <c r="EE85" s="76"/>
      <c r="EF85" s="76"/>
      <c r="EG85" s="76"/>
      <c r="EH85" s="76"/>
      <c r="EI85" s="76"/>
      <c r="EJ85" s="76"/>
      <c r="EK85" s="76"/>
      <c r="EL85" s="76"/>
      <c r="EM85" s="76"/>
      <c r="EN85" s="76"/>
      <c r="EO85" s="76"/>
      <c r="EP85" s="76"/>
      <c r="EQ85" s="76"/>
      <c r="ER85" s="76"/>
      <c r="ES85" s="76"/>
      <c r="ET85" s="76"/>
      <c r="EU85" s="76"/>
      <c r="EV85" s="76"/>
      <c r="EW85" s="76"/>
      <c r="EX85" s="76"/>
      <c r="EY85" s="76"/>
      <c r="EZ85" s="76"/>
      <c r="FA85" s="76"/>
      <c r="FB85" s="76"/>
      <c r="FC85" s="76"/>
      <c r="FD85" s="76"/>
      <c r="FE85" s="76"/>
      <c r="FF85" s="76"/>
      <c r="FG85" s="76"/>
      <c r="FH85" s="76"/>
      <c r="FI85" s="76"/>
      <c r="FJ85" s="76"/>
      <c r="FK85" s="76"/>
      <c r="FL85" s="76"/>
      <c r="FM85" s="76"/>
      <c r="FN85" s="76"/>
      <c r="FO85" s="76"/>
      <c r="FP85" s="76"/>
      <c r="FQ85" s="76"/>
      <c r="FR85" s="76"/>
      <c r="FS85" s="76"/>
      <c r="FT85" s="76"/>
      <c r="FU85" s="76"/>
      <c r="FV85" s="76"/>
      <c r="FW85" s="76"/>
      <c r="FX85" s="76"/>
      <c r="FY85" s="76"/>
      <c r="FZ85" s="76"/>
      <c r="GA85" s="76"/>
      <c r="GB85" s="76"/>
      <c r="GC85" s="76"/>
      <c r="GD85" s="76"/>
      <c r="GE85" s="76"/>
      <c r="GF85" s="76"/>
      <c r="GG85" s="76"/>
      <c r="GH85" s="76"/>
      <c r="GI85" s="76"/>
      <c r="GJ85" s="76"/>
      <c r="GK85" s="76"/>
      <c r="GL85" s="76"/>
    </row>
    <row r="86" spans="1:194" s="77" customFormat="1" x14ac:dyDescent="0.15">
      <c r="A86" s="76"/>
      <c r="B86" s="76"/>
      <c r="C86" s="76"/>
      <c r="D86" s="76"/>
      <c r="E86" s="76"/>
      <c r="F86" s="76"/>
      <c r="G86" s="76"/>
      <c r="H86" s="76"/>
      <c r="I86" s="76"/>
      <c r="J86" s="76"/>
      <c r="K86" s="76"/>
      <c r="L86" s="76"/>
      <c r="M86" s="76"/>
      <c r="N86" s="76"/>
      <c r="O86" s="76"/>
      <c r="P86" s="76"/>
      <c r="Q86" s="76"/>
      <c r="R86" s="76"/>
      <c r="S86" s="76"/>
      <c r="T86" s="76"/>
      <c r="U86" s="76"/>
      <c r="V86" s="76"/>
      <c r="W86" s="76"/>
      <c r="X86" s="76"/>
      <c r="Y86" s="76"/>
      <c r="Z86" s="75"/>
      <c r="AA86" s="75"/>
      <c r="AB86" s="75"/>
      <c r="AC86" s="75"/>
      <c r="AD86" s="75"/>
      <c r="AE86" s="75"/>
      <c r="AF86" s="75"/>
      <c r="AG86" s="75"/>
      <c r="AH86" s="75"/>
      <c r="AI86" s="75"/>
      <c r="AJ86" s="75"/>
      <c r="AK86" s="75"/>
      <c r="AL86" s="75"/>
      <c r="AM86" s="75"/>
      <c r="AN86" s="75"/>
      <c r="AO86" s="75"/>
      <c r="AR86" s="76"/>
      <c r="AS86" s="76"/>
      <c r="AT86" s="76"/>
      <c r="AU86" s="76"/>
      <c r="AV86" s="76"/>
      <c r="AW86" s="76"/>
      <c r="AX86" s="76"/>
      <c r="AY86" s="76"/>
      <c r="AZ86" s="76"/>
      <c r="BA86" s="76"/>
      <c r="BB86" s="76"/>
      <c r="BC86" s="76"/>
      <c r="BD86" s="76"/>
      <c r="BE86" s="76"/>
      <c r="BF86" s="76"/>
      <c r="BG86" s="76"/>
      <c r="BH86" s="76"/>
      <c r="BI86" s="76"/>
      <c r="BJ86" s="76"/>
      <c r="BK86" s="76"/>
      <c r="BL86" s="76"/>
      <c r="BM86" s="76"/>
      <c r="BN86" s="76"/>
      <c r="BO86" s="76"/>
      <c r="BP86" s="76"/>
      <c r="BQ86" s="76"/>
      <c r="BR86" s="76"/>
      <c r="BS86" s="76"/>
      <c r="BT86" s="76"/>
      <c r="BU86" s="76"/>
      <c r="BV86" s="76"/>
      <c r="BW86" s="76"/>
      <c r="BX86" s="76"/>
      <c r="BY86" s="76"/>
      <c r="BZ86" s="76"/>
      <c r="CA86" s="76"/>
      <c r="CB86" s="76"/>
      <c r="CC86" s="76"/>
      <c r="CD86" s="76"/>
      <c r="CE86" s="76"/>
      <c r="CF86" s="76"/>
      <c r="CG86" s="76"/>
      <c r="CH86" s="76"/>
      <c r="CI86" s="76"/>
      <c r="CJ86" s="76"/>
      <c r="CK86" s="76"/>
      <c r="CL86" s="76"/>
      <c r="CM86" s="76"/>
      <c r="CN86" s="76"/>
      <c r="CO86" s="76"/>
      <c r="CP86" s="76"/>
      <c r="CQ86" s="76"/>
      <c r="CR86" s="76"/>
      <c r="CS86" s="76"/>
      <c r="CT86" s="76"/>
      <c r="CU86" s="76"/>
      <c r="CV86" s="76"/>
      <c r="CW86" s="76"/>
      <c r="CX86" s="76"/>
      <c r="CY86" s="76"/>
      <c r="CZ86" s="76"/>
      <c r="DA86" s="76"/>
      <c r="DB86" s="76"/>
      <c r="DC86" s="76"/>
      <c r="DD86" s="76"/>
      <c r="DE86" s="76"/>
      <c r="DF86" s="76"/>
      <c r="DG86" s="76"/>
      <c r="DH86" s="76"/>
      <c r="DI86" s="76"/>
      <c r="DJ86" s="76"/>
      <c r="DK86" s="76"/>
      <c r="DL86" s="76"/>
      <c r="DM86" s="76"/>
      <c r="DN86" s="76"/>
      <c r="DO86" s="76"/>
      <c r="DP86" s="76"/>
      <c r="DQ86" s="76"/>
      <c r="DR86" s="76"/>
      <c r="DS86" s="76"/>
      <c r="DT86" s="76"/>
      <c r="DU86" s="76"/>
      <c r="DV86" s="76"/>
      <c r="DW86" s="76"/>
      <c r="DX86" s="76"/>
      <c r="DY86" s="76"/>
      <c r="DZ86" s="76"/>
      <c r="EA86" s="76"/>
      <c r="EB86" s="76"/>
      <c r="EC86" s="76"/>
      <c r="ED86" s="76"/>
      <c r="EE86" s="76"/>
      <c r="EF86" s="76"/>
      <c r="EG86" s="76"/>
      <c r="EH86" s="76"/>
      <c r="EI86" s="76"/>
      <c r="EJ86" s="76"/>
      <c r="EK86" s="76"/>
      <c r="EL86" s="76"/>
      <c r="EM86" s="76"/>
      <c r="EN86" s="76"/>
      <c r="EO86" s="76"/>
      <c r="EP86" s="76"/>
      <c r="EQ86" s="76"/>
      <c r="ER86" s="76"/>
      <c r="ES86" s="76"/>
      <c r="ET86" s="76"/>
      <c r="EU86" s="76"/>
      <c r="EV86" s="76"/>
      <c r="EW86" s="76"/>
      <c r="EX86" s="76"/>
      <c r="EY86" s="76"/>
      <c r="EZ86" s="76"/>
      <c r="FA86" s="76"/>
      <c r="FB86" s="76"/>
      <c r="FC86" s="76"/>
      <c r="FD86" s="76"/>
      <c r="FE86" s="76"/>
      <c r="FF86" s="76"/>
      <c r="FG86" s="76"/>
      <c r="FH86" s="76"/>
      <c r="FI86" s="76"/>
      <c r="FJ86" s="76"/>
      <c r="FK86" s="76"/>
      <c r="FL86" s="76"/>
      <c r="FM86" s="76"/>
      <c r="FN86" s="76"/>
      <c r="FO86" s="76"/>
      <c r="FP86" s="76"/>
      <c r="FQ86" s="76"/>
      <c r="FR86" s="76"/>
      <c r="FS86" s="76"/>
      <c r="FT86" s="76"/>
      <c r="FU86" s="76"/>
      <c r="FV86" s="76"/>
      <c r="FW86" s="76"/>
      <c r="FX86" s="76"/>
      <c r="FY86" s="76"/>
      <c r="FZ86" s="76"/>
      <c r="GA86" s="76"/>
      <c r="GB86" s="76"/>
      <c r="GC86" s="76"/>
      <c r="GD86" s="76"/>
      <c r="GE86" s="76"/>
      <c r="GF86" s="76"/>
      <c r="GG86" s="76"/>
      <c r="GH86" s="76"/>
      <c r="GI86" s="76"/>
      <c r="GJ86" s="76"/>
      <c r="GK86" s="76"/>
      <c r="GL86" s="76"/>
    </row>
    <row r="87" spans="1:194" s="77" customFormat="1" x14ac:dyDescent="0.15">
      <c r="A87" s="76"/>
      <c r="B87" s="76"/>
      <c r="C87" s="76"/>
      <c r="D87" s="76"/>
      <c r="E87" s="76"/>
      <c r="F87" s="76"/>
      <c r="G87" s="76"/>
      <c r="H87" s="76"/>
      <c r="I87" s="76"/>
      <c r="J87" s="76"/>
      <c r="K87" s="76"/>
      <c r="L87" s="76"/>
      <c r="M87" s="76"/>
      <c r="N87" s="76"/>
      <c r="O87" s="76"/>
      <c r="P87" s="76"/>
      <c r="Q87" s="76"/>
      <c r="R87" s="76"/>
      <c r="S87" s="76"/>
      <c r="T87" s="76"/>
      <c r="U87" s="76"/>
      <c r="V87" s="76"/>
      <c r="W87" s="76"/>
      <c r="X87" s="76"/>
      <c r="Y87" s="76"/>
      <c r="Z87" s="75"/>
      <c r="AA87" s="75"/>
      <c r="AB87" s="75"/>
      <c r="AC87" s="75"/>
      <c r="AD87" s="75"/>
      <c r="AE87" s="75"/>
      <c r="AF87" s="75"/>
      <c r="AG87" s="75"/>
      <c r="AH87" s="75"/>
      <c r="AI87" s="75"/>
      <c r="AJ87" s="75"/>
      <c r="AK87" s="75"/>
      <c r="AL87" s="75"/>
      <c r="AM87" s="75"/>
      <c r="AN87" s="75"/>
      <c r="AO87" s="75"/>
      <c r="AR87" s="76"/>
      <c r="AS87" s="76"/>
      <c r="AT87" s="76"/>
      <c r="AU87" s="76"/>
      <c r="AV87" s="76"/>
      <c r="AW87" s="76"/>
      <c r="AX87" s="76"/>
      <c r="AY87" s="76"/>
      <c r="AZ87" s="76"/>
      <c r="BA87" s="76"/>
      <c r="BB87" s="76"/>
      <c r="BC87" s="76"/>
      <c r="BD87" s="76"/>
      <c r="BE87" s="76"/>
      <c r="BF87" s="76"/>
      <c r="BG87" s="76"/>
      <c r="BH87" s="76"/>
      <c r="BI87" s="76"/>
      <c r="BJ87" s="76"/>
      <c r="BK87" s="76"/>
      <c r="BL87" s="76"/>
      <c r="BM87" s="76"/>
      <c r="BN87" s="76"/>
      <c r="BO87" s="76"/>
      <c r="BP87" s="76"/>
      <c r="BQ87" s="76"/>
      <c r="BR87" s="76"/>
      <c r="BS87" s="76"/>
      <c r="BT87" s="76"/>
      <c r="BU87" s="76"/>
      <c r="BV87" s="76"/>
      <c r="BW87" s="76"/>
      <c r="BX87" s="76"/>
      <c r="BY87" s="76"/>
      <c r="BZ87" s="76"/>
      <c r="CA87" s="76"/>
      <c r="CB87" s="76"/>
      <c r="CC87" s="76"/>
      <c r="CD87" s="76"/>
      <c r="CE87" s="76"/>
      <c r="CF87" s="76"/>
      <c r="CG87" s="76"/>
      <c r="CH87" s="76"/>
      <c r="CI87" s="76"/>
      <c r="CJ87" s="76"/>
      <c r="CK87" s="76"/>
      <c r="CL87" s="76"/>
      <c r="CM87" s="76"/>
      <c r="CN87" s="76"/>
      <c r="CO87" s="76"/>
      <c r="CP87" s="76"/>
      <c r="CQ87" s="76"/>
      <c r="CR87" s="76"/>
      <c r="CS87" s="76"/>
      <c r="CT87" s="76"/>
      <c r="CU87" s="76"/>
      <c r="CV87" s="76"/>
      <c r="CW87" s="76"/>
      <c r="CX87" s="76"/>
      <c r="CY87" s="76"/>
      <c r="CZ87" s="76"/>
      <c r="DA87" s="76"/>
      <c r="DB87" s="76"/>
      <c r="DC87" s="76"/>
      <c r="DD87" s="76"/>
      <c r="DE87" s="76"/>
      <c r="DF87" s="76"/>
      <c r="DG87" s="76"/>
      <c r="DH87" s="76"/>
      <c r="DI87" s="76"/>
      <c r="DJ87" s="76"/>
      <c r="DK87" s="76"/>
      <c r="DL87" s="76"/>
      <c r="DM87" s="76"/>
      <c r="DN87" s="76"/>
      <c r="DO87" s="76"/>
      <c r="DP87" s="76"/>
      <c r="DQ87" s="76"/>
      <c r="DR87" s="76"/>
      <c r="DS87" s="76"/>
      <c r="DT87" s="76"/>
      <c r="DU87" s="76"/>
      <c r="DV87" s="76"/>
      <c r="DW87" s="76"/>
      <c r="DX87" s="76"/>
      <c r="DY87" s="76"/>
      <c r="DZ87" s="76"/>
      <c r="EA87" s="76"/>
      <c r="EB87" s="76"/>
      <c r="EC87" s="76"/>
      <c r="ED87" s="76"/>
      <c r="EE87" s="76"/>
      <c r="EF87" s="76"/>
      <c r="EG87" s="76"/>
      <c r="EH87" s="76"/>
      <c r="EI87" s="76"/>
      <c r="EJ87" s="76"/>
      <c r="EK87" s="76"/>
      <c r="EL87" s="76"/>
      <c r="EM87" s="76"/>
      <c r="EN87" s="76"/>
      <c r="EO87" s="76"/>
      <c r="EP87" s="76"/>
      <c r="EQ87" s="76"/>
      <c r="ER87" s="76"/>
      <c r="ES87" s="76"/>
      <c r="ET87" s="76"/>
      <c r="EU87" s="76"/>
      <c r="EV87" s="76"/>
      <c r="EW87" s="76"/>
      <c r="EX87" s="76"/>
      <c r="EY87" s="76"/>
      <c r="EZ87" s="76"/>
      <c r="FA87" s="76"/>
      <c r="FB87" s="76"/>
      <c r="FC87" s="76"/>
      <c r="FD87" s="76"/>
      <c r="FE87" s="76"/>
      <c r="FF87" s="76"/>
      <c r="FG87" s="76"/>
      <c r="FH87" s="76"/>
      <c r="FI87" s="76"/>
      <c r="FJ87" s="76"/>
      <c r="FK87" s="76"/>
      <c r="FL87" s="76"/>
      <c r="FM87" s="76"/>
      <c r="FN87" s="76"/>
      <c r="FO87" s="76"/>
      <c r="FP87" s="76"/>
      <c r="FQ87" s="76"/>
      <c r="FR87" s="76"/>
      <c r="FS87" s="76"/>
      <c r="FT87" s="76"/>
      <c r="FU87" s="76"/>
      <c r="FV87" s="76"/>
      <c r="FW87" s="76"/>
      <c r="FX87" s="76"/>
      <c r="FY87" s="76"/>
      <c r="FZ87" s="76"/>
      <c r="GA87" s="76"/>
      <c r="GB87" s="76"/>
      <c r="GC87" s="76"/>
      <c r="GD87" s="76"/>
      <c r="GE87" s="76"/>
      <c r="GF87" s="76"/>
      <c r="GG87" s="76"/>
      <c r="GH87" s="76"/>
      <c r="GI87" s="76"/>
      <c r="GJ87" s="76"/>
      <c r="GK87" s="76"/>
      <c r="GL87" s="76"/>
    </row>
    <row r="88" spans="1:194" s="77" customFormat="1" x14ac:dyDescent="0.15">
      <c r="A88" s="76"/>
      <c r="B88" s="76"/>
      <c r="C88" s="76"/>
      <c r="D88" s="76"/>
      <c r="E88" s="76"/>
      <c r="F88" s="76"/>
      <c r="G88" s="76"/>
      <c r="H88" s="76"/>
      <c r="I88" s="76"/>
      <c r="J88" s="76"/>
      <c r="K88" s="76"/>
      <c r="L88" s="76"/>
      <c r="M88" s="76"/>
      <c r="N88" s="76"/>
      <c r="O88" s="76"/>
      <c r="P88" s="76"/>
      <c r="Q88" s="76"/>
      <c r="R88" s="76"/>
      <c r="S88" s="76"/>
      <c r="T88" s="76"/>
      <c r="U88" s="76"/>
      <c r="V88" s="76"/>
      <c r="W88" s="76"/>
      <c r="X88" s="76"/>
      <c r="Y88" s="76"/>
      <c r="Z88" s="75"/>
      <c r="AA88" s="75"/>
      <c r="AB88" s="75"/>
      <c r="AC88" s="75"/>
      <c r="AD88" s="75"/>
      <c r="AE88" s="75"/>
      <c r="AF88" s="75"/>
      <c r="AG88" s="75"/>
      <c r="AH88" s="75"/>
      <c r="AI88" s="75"/>
      <c r="AJ88" s="75"/>
      <c r="AK88" s="75"/>
      <c r="AL88" s="75"/>
      <c r="AM88" s="75"/>
      <c r="AN88" s="75"/>
      <c r="AO88" s="75"/>
      <c r="AR88" s="76"/>
      <c r="AS88" s="76"/>
      <c r="AT88" s="76"/>
      <c r="AU88" s="76"/>
      <c r="AV88" s="76"/>
      <c r="AW88" s="76"/>
      <c r="AX88" s="76"/>
      <c r="AY88" s="76"/>
      <c r="AZ88" s="76"/>
      <c r="BA88" s="76"/>
      <c r="BB88" s="76"/>
      <c r="BC88" s="76"/>
      <c r="BD88" s="76"/>
      <c r="BE88" s="76"/>
      <c r="BF88" s="76"/>
      <c r="BG88" s="76"/>
      <c r="BH88" s="76"/>
      <c r="BI88" s="76"/>
      <c r="BJ88" s="76"/>
      <c r="BK88" s="76"/>
      <c r="BL88" s="76"/>
      <c r="BM88" s="76"/>
      <c r="BN88" s="76"/>
      <c r="BO88" s="76"/>
      <c r="BP88" s="76"/>
      <c r="BQ88" s="76"/>
      <c r="BR88" s="76"/>
      <c r="BS88" s="76"/>
      <c r="BT88" s="76"/>
      <c r="BU88" s="76"/>
      <c r="BV88" s="76"/>
      <c r="BW88" s="76"/>
      <c r="BX88" s="76"/>
      <c r="BY88" s="76"/>
      <c r="BZ88" s="76"/>
      <c r="CA88" s="76"/>
      <c r="CB88" s="76"/>
      <c r="CC88" s="76"/>
      <c r="CD88" s="76"/>
      <c r="CE88" s="76"/>
      <c r="CF88" s="76"/>
      <c r="CG88" s="76"/>
      <c r="CH88" s="76"/>
      <c r="CI88" s="76"/>
      <c r="CJ88" s="76"/>
      <c r="CK88" s="76"/>
      <c r="CL88" s="76"/>
      <c r="CM88" s="76"/>
      <c r="CN88" s="76"/>
      <c r="CO88" s="76"/>
      <c r="CP88" s="76"/>
      <c r="CQ88" s="76"/>
      <c r="CR88" s="76"/>
      <c r="CS88" s="76"/>
      <c r="CT88" s="76"/>
      <c r="CU88" s="76"/>
      <c r="CV88" s="76"/>
      <c r="CW88" s="76"/>
      <c r="CX88" s="76"/>
      <c r="CY88" s="76"/>
      <c r="CZ88" s="76"/>
      <c r="DA88" s="76"/>
      <c r="DB88" s="76"/>
      <c r="DC88" s="76"/>
      <c r="DD88" s="76"/>
      <c r="DE88" s="76"/>
      <c r="DF88" s="76"/>
      <c r="DG88" s="76"/>
      <c r="DH88" s="76"/>
      <c r="DI88" s="76"/>
      <c r="DJ88" s="76"/>
      <c r="DK88" s="76"/>
      <c r="DL88" s="76"/>
      <c r="DM88" s="76"/>
      <c r="DN88" s="76"/>
      <c r="DO88" s="76"/>
      <c r="DP88" s="76"/>
      <c r="DQ88" s="76"/>
      <c r="DR88" s="76"/>
      <c r="DS88" s="76"/>
      <c r="DT88" s="76"/>
      <c r="DU88" s="76"/>
      <c r="DV88" s="76"/>
      <c r="DW88" s="76"/>
      <c r="DX88" s="76"/>
      <c r="DY88" s="76"/>
      <c r="DZ88" s="76"/>
      <c r="EA88" s="76"/>
      <c r="EB88" s="76"/>
      <c r="EC88" s="76"/>
      <c r="ED88" s="76"/>
      <c r="EE88" s="76"/>
      <c r="EF88" s="76"/>
      <c r="EG88" s="76"/>
      <c r="EH88" s="76"/>
      <c r="EI88" s="76"/>
      <c r="EJ88" s="76"/>
      <c r="EK88" s="76"/>
      <c r="EL88" s="76"/>
      <c r="EM88" s="76"/>
      <c r="EN88" s="76"/>
      <c r="EO88" s="76"/>
      <c r="EP88" s="76"/>
      <c r="EQ88" s="76"/>
      <c r="ER88" s="76"/>
      <c r="ES88" s="76"/>
      <c r="ET88" s="76"/>
      <c r="EU88" s="76"/>
      <c r="EV88" s="76"/>
      <c r="EW88" s="76"/>
      <c r="EX88" s="76"/>
      <c r="EY88" s="76"/>
      <c r="EZ88" s="76"/>
      <c r="FA88" s="76"/>
      <c r="FB88" s="76"/>
      <c r="FC88" s="76"/>
      <c r="FD88" s="76"/>
      <c r="FE88" s="76"/>
      <c r="FF88" s="76"/>
      <c r="FG88" s="76"/>
      <c r="FH88" s="76"/>
      <c r="FI88" s="76"/>
      <c r="FJ88" s="76"/>
      <c r="FK88" s="76"/>
      <c r="FL88" s="76"/>
      <c r="FM88" s="76"/>
      <c r="FN88" s="76"/>
      <c r="FO88" s="76"/>
      <c r="FP88" s="76"/>
      <c r="FQ88" s="76"/>
      <c r="FR88" s="76"/>
      <c r="FS88" s="76"/>
      <c r="FT88" s="76"/>
      <c r="FU88" s="76"/>
      <c r="FV88" s="76"/>
      <c r="FW88" s="76"/>
      <c r="FX88" s="76"/>
      <c r="FY88" s="76"/>
      <c r="FZ88" s="76"/>
      <c r="GA88" s="76"/>
      <c r="GB88" s="76"/>
      <c r="GC88" s="76"/>
      <c r="GD88" s="76"/>
      <c r="GE88" s="76"/>
      <c r="GF88" s="76"/>
      <c r="GG88" s="76"/>
      <c r="GH88" s="76"/>
      <c r="GI88" s="76"/>
      <c r="GJ88" s="76"/>
      <c r="GK88" s="76"/>
      <c r="GL88" s="76"/>
    </row>
    <row r="89" spans="1:194" s="77" customFormat="1" x14ac:dyDescent="0.15">
      <c r="A89" s="76"/>
      <c r="B89" s="76"/>
      <c r="C89" s="76"/>
      <c r="D89" s="76"/>
      <c r="E89" s="76"/>
      <c r="F89" s="76"/>
      <c r="G89" s="76"/>
      <c r="H89" s="76"/>
      <c r="I89" s="76"/>
      <c r="J89" s="76"/>
      <c r="K89" s="76"/>
      <c r="L89" s="76"/>
      <c r="M89" s="76"/>
      <c r="N89" s="76"/>
      <c r="O89" s="76"/>
      <c r="P89" s="76"/>
      <c r="Q89" s="76"/>
      <c r="R89" s="76"/>
      <c r="S89" s="76"/>
      <c r="T89" s="76"/>
      <c r="U89" s="76"/>
      <c r="V89" s="76"/>
      <c r="W89" s="76"/>
      <c r="X89" s="76"/>
      <c r="Y89" s="76"/>
      <c r="Z89" s="75"/>
      <c r="AA89" s="75"/>
      <c r="AB89" s="75"/>
      <c r="AC89" s="75"/>
      <c r="AD89" s="75"/>
      <c r="AE89" s="75"/>
      <c r="AF89" s="75"/>
      <c r="AG89" s="75"/>
      <c r="AH89" s="75"/>
      <c r="AI89" s="75"/>
      <c r="AJ89" s="75"/>
      <c r="AK89" s="75"/>
      <c r="AL89" s="75"/>
      <c r="AM89" s="75"/>
      <c r="AN89" s="75"/>
      <c r="AO89" s="75"/>
      <c r="AR89" s="76"/>
      <c r="AS89" s="76"/>
      <c r="AT89" s="76"/>
      <c r="AU89" s="76"/>
      <c r="AV89" s="76"/>
      <c r="AW89" s="76"/>
      <c r="AX89" s="76"/>
      <c r="AY89" s="76"/>
      <c r="AZ89" s="76"/>
      <c r="BA89" s="76"/>
      <c r="BB89" s="76"/>
      <c r="BC89" s="76"/>
      <c r="BD89" s="76"/>
      <c r="BE89" s="76"/>
      <c r="BF89" s="76"/>
      <c r="BG89" s="76"/>
      <c r="BH89" s="76"/>
      <c r="BI89" s="76"/>
      <c r="BJ89" s="76"/>
      <c r="BK89" s="76"/>
      <c r="BL89" s="76"/>
      <c r="BM89" s="76"/>
      <c r="BN89" s="76"/>
      <c r="BO89" s="76"/>
      <c r="BP89" s="76"/>
      <c r="BQ89" s="76"/>
      <c r="BR89" s="76"/>
      <c r="BS89" s="76"/>
      <c r="BT89" s="76"/>
      <c r="BU89" s="76"/>
      <c r="BV89" s="76"/>
      <c r="BW89" s="76"/>
      <c r="BX89" s="76"/>
      <c r="BY89" s="76"/>
      <c r="BZ89" s="76"/>
      <c r="CA89" s="76"/>
      <c r="CB89" s="76"/>
      <c r="CC89" s="76"/>
      <c r="CD89" s="76"/>
      <c r="CE89" s="76"/>
      <c r="CF89" s="76"/>
      <c r="CG89" s="76"/>
      <c r="CH89" s="76"/>
      <c r="CI89" s="76"/>
      <c r="CJ89" s="76"/>
      <c r="CK89" s="76"/>
      <c r="CL89" s="76"/>
      <c r="CM89" s="76"/>
      <c r="CN89" s="76"/>
      <c r="CO89" s="76"/>
      <c r="CP89" s="76"/>
      <c r="CQ89" s="76"/>
      <c r="CR89" s="76"/>
      <c r="CS89" s="76"/>
      <c r="CT89" s="76"/>
      <c r="CU89" s="76"/>
      <c r="CV89" s="76"/>
      <c r="CW89" s="76"/>
      <c r="CX89" s="76"/>
      <c r="CY89" s="76"/>
      <c r="CZ89" s="76"/>
      <c r="DA89" s="76"/>
      <c r="DB89" s="76"/>
      <c r="DC89" s="76"/>
      <c r="DD89" s="76"/>
      <c r="DE89" s="76"/>
      <c r="DF89" s="76"/>
      <c r="DG89" s="76"/>
      <c r="DH89" s="76"/>
      <c r="DI89" s="76"/>
      <c r="DJ89" s="76"/>
      <c r="DK89" s="76"/>
      <c r="DL89" s="76"/>
      <c r="DM89" s="76"/>
      <c r="DN89" s="76"/>
      <c r="DO89" s="76"/>
      <c r="DP89" s="76"/>
      <c r="DQ89" s="76"/>
      <c r="DR89" s="76"/>
      <c r="DS89" s="76"/>
      <c r="DT89" s="76"/>
      <c r="DU89" s="76"/>
      <c r="DV89" s="76"/>
      <c r="DW89" s="76"/>
      <c r="DX89" s="76"/>
      <c r="DY89" s="76"/>
      <c r="DZ89" s="76"/>
      <c r="EA89" s="76"/>
      <c r="EB89" s="76"/>
      <c r="EC89" s="76"/>
      <c r="ED89" s="76"/>
      <c r="EE89" s="76"/>
      <c r="EF89" s="76"/>
      <c r="EG89" s="76"/>
      <c r="EH89" s="76"/>
      <c r="EI89" s="76"/>
      <c r="EJ89" s="76"/>
      <c r="EK89" s="76"/>
      <c r="EL89" s="76"/>
      <c r="EM89" s="76"/>
      <c r="EN89" s="76"/>
      <c r="EO89" s="76"/>
      <c r="EP89" s="76"/>
      <c r="EQ89" s="76"/>
      <c r="ER89" s="76"/>
      <c r="ES89" s="76"/>
      <c r="ET89" s="76"/>
      <c r="EU89" s="76"/>
      <c r="EV89" s="76"/>
      <c r="EW89" s="76"/>
      <c r="EX89" s="76"/>
      <c r="EY89" s="76"/>
      <c r="EZ89" s="76"/>
      <c r="FA89" s="76"/>
      <c r="FB89" s="76"/>
      <c r="FC89" s="76"/>
      <c r="FD89" s="76"/>
      <c r="FE89" s="76"/>
      <c r="FF89" s="76"/>
      <c r="FG89" s="76"/>
      <c r="FH89" s="76"/>
      <c r="FI89" s="76"/>
      <c r="FJ89" s="76"/>
      <c r="FK89" s="76"/>
      <c r="FL89" s="76"/>
      <c r="FM89" s="76"/>
      <c r="FN89" s="76"/>
      <c r="FO89" s="76"/>
      <c r="FP89" s="76"/>
      <c r="FQ89" s="76"/>
      <c r="FR89" s="76"/>
      <c r="FS89" s="76"/>
      <c r="FT89" s="76"/>
      <c r="FU89" s="76"/>
      <c r="FV89" s="76"/>
      <c r="FW89" s="76"/>
      <c r="FX89" s="76"/>
      <c r="FY89" s="76"/>
      <c r="FZ89" s="76"/>
      <c r="GA89" s="76"/>
      <c r="GB89" s="76"/>
      <c r="GC89" s="76"/>
      <c r="GD89" s="76"/>
      <c r="GE89" s="76"/>
      <c r="GF89" s="76"/>
      <c r="GG89" s="76"/>
      <c r="GH89" s="76"/>
      <c r="GI89" s="76"/>
      <c r="GJ89" s="76"/>
      <c r="GK89" s="76"/>
      <c r="GL89" s="76"/>
    </row>
    <row r="90" spans="1:194" s="77" customFormat="1" x14ac:dyDescent="0.15">
      <c r="A90" s="76"/>
      <c r="B90" s="76"/>
      <c r="C90" s="76"/>
      <c r="D90" s="76"/>
      <c r="E90" s="76"/>
      <c r="F90" s="76"/>
      <c r="G90" s="76"/>
      <c r="H90" s="76"/>
      <c r="I90" s="76"/>
      <c r="J90" s="76"/>
      <c r="K90" s="76"/>
      <c r="L90" s="76"/>
      <c r="M90" s="76"/>
      <c r="N90" s="76"/>
      <c r="O90" s="76"/>
      <c r="P90" s="76"/>
      <c r="Q90" s="76"/>
      <c r="R90" s="76"/>
      <c r="S90" s="76"/>
      <c r="T90" s="76"/>
      <c r="U90" s="76"/>
      <c r="V90" s="76"/>
      <c r="W90" s="76"/>
      <c r="X90" s="76"/>
      <c r="Y90" s="76"/>
      <c r="Z90" s="75"/>
      <c r="AA90" s="75"/>
      <c r="AB90" s="75"/>
      <c r="AC90" s="75"/>
      <c r="AD90" s="75"/>
      <c r="AE90" s="75"/>
      <c r="AF90" s="75"/>
      <c r="AG90" s="75"/>
      <c r="AH90" s="75"/>
      <c r="AI90" s="75"/>
      <c r="AJ90" s="75"/>
      <c r="AK90" s="75"/>
      <c r="AL90" s="75"/>
      <c r="AM90" s="75"/>
      <c r="AN90" s="75"/>
      <c r="AO90" s="75"/>
      <c r="AR90" s="76"/>
      <c r="AS90" s="76"/>
      <c r="AT90" s="76"/>
      <c r="AU90" s="76"/>
      <c r="AV90" s="76"/>
      <c r="AW90" s="76"/>
      <c r="AX90" s="76"/>
      <c r="AY90" s="76"/>
      <c r="AZ90" s="76"/>
      <c r="BA90" s="76"/>
      <c r="BB90" s="76"/>
      <c r="BC90" s="76"/>
      <c r="BD90" s="76"/>
      <c r="BE90" s="76"/>
      <c r="BF90" s="76"/>
      <c r="BG90" s="76"/>
      <c r="BH90" s="76"/>
      <c r="BI90" s="76"/>
      <c r="BJ90" s="76"/>
      <c r="BK90" s="76"/>
      <c r="BL90" s="76"/>
      <c r="BM90" s="76"/>
      <c r="BN90" s="76"/>
      <c r="BO90" s="76"/>
      <c r="BP90" s="76"/>
      <c r="BQ90" s="76"/>
      <c r="BR90" s="76"/>
      <c r="BS90" s="76"/>
      <c r="BT90" s="76"/>
      <c r="BU90" s="76"/>
      <c r="BV90" s="76"/>
      <c r="BW90" s="76"/>
      <c r="BX90" s="76"/>
      <c r="BY90" s="76"/>
      <c r="BZ90" s="76"/>
      <c r="CA90" s="76"/>
      <c r="CB90" s="76"/>
      <c r="CC90" s="76"/>
      <c r="CD90" s="76"/>
      <c r="CE90" s="76"/>
      <c r="CF90" s="76"/>
      <c r="CG90" s="76"/>
      <c r="CH90" s="76"/>
      <c r="CI90" s="76"/>
      <c r="CJ90" s="76"/>
      <c r="CK90" s="76"/>
      <c r="CL90" s="76"/>
      <c r="CM90" s="76"/>
      <c r="CN90" s="76"/>
      <c r="CO90" s="76"/>
      <c r="CP90" s="76"/>
      <c r="CQ90" s="76"/>
      <c r="CR90" s="76"/>
      <c r="CS90" s="76"/>
      <c r="CT90" s="76"/>
      <c r="CU90" s="76"/>
      <c r="CV90" s="76"/>
      <c r="CW90" s="76"/>
      <c r="CX90" s="76"/>
      <c r="CY90" s="76"/>
      <c r="CZ90" s="76"/>
      <c r="DA90" s="76"/>
      <c r="DB90" s="76"/>
      <c r="DC90" s="76"/>
      <c r="DD90" s="76"/>
      <c r="DE90" s="76"/>
      <c r="DF90" s="76"/>
      <c r="DG90" s="76"/>
      <c r="DH90" s="76"/>
      <c r="DI90" s="76"/>
      <c r="DJ90" s="76"/>
      <c r="DK90" s="76"/>
      <c r="DL90" s="76"/>
      <c r="DM90" s="76"/>
      <c r="DN90" s="76"/>
      <c r="DO90" s="76"/>
      <c r="DP90" s="76"/>
      <c r="DQ90" s="76"/>
      <c r="DR90" s="76"/>
      <c r="DS90" s="76"/>
      <c r="DT90" s="76"/>
      <c r="DU90" s="76"/>
      <c r="DV90" s="76"/>
      <c r="DW90" s="76"/>
      <c r="DX90" s="76"/>
      <c r="DY90" s="76"/>
      <c r="DZ90" s="76"/>
      <c r="EA90" s="76"/>
      <c r="EB90" s="76"/>
      <c r="EC90" s="76"/>
      <c r="ED90" s="76"/>
      <c r="EE90" s="76"/>
      <c r="EF90" s="76"/>
      <c r="EG90" s="76"/>
      <c r="EH90" s="76"/>
      <c r="EI90" s="76"/>
      <c r="EJ90" s="76"/>
      <c r="EK90" s="76"/>
      <c r="EL90" s="76"/>
      <c r="EM90" s="76"/>
      <c r="EN90" s="76"/>
      <c r="EO90" s="76"/>
      <c r="EP90" s="76"/>
      <c r="EQ90" s="76"/>
      <c r="ER90" s="76"/>
      <c r="ES90" s="76"/>
      <c r="ET90" s="76"/>
      <c r="EU90" s="76"/>
      <c r="EV90" s="76"/>
      <c r="EW90" s="76"/>
      <c r="EX90" s="76"/>
      <c r="EY90" s="76"/>
      <c r="EZ90" s="76"/>
      <c r="FA90" s="76"/>
      <c r="FB90" s="76"/>
      <c r="FC90" s="76"/>
      <c r="FD90" s="76"/>
      <c r="FE90" s="76"/>
      <c r="FF90" s="76"/>
      <c r="FG90" s="76"/>
      <c r="FH90" s="76"/>
      <c r="FI90" s="76"/>
      <c r="FJ90" s="76"/>
      <c r="FK90" s="76"/>
      <c r="FL90" s="76"/>
      <c r="FM90" s="76"/>
      <c r="FN90" s="76"/>
      <c r="FO90" s="76"/>
      <c r="FP90" s="76"/>
      <c r="FQ90" s="76"/>
      <c r="FR90" s="76"/>
      <c r="FS90" s="76"/>
      <c r="FT90" s="76"/>
      <c r="FU90" s="76"/>
      <c r="FV90" s="76"/>
      <c r="FW90" s="76"/>
      <c r="FX90" s="76"/>
      <c r="FY90" s="76"/>
      <c r="FZ90" s="76"/>
      <c r="GA90" s="76"/>
      <c r="GB90" s="76"/>
      <c r="GC90" s="76"/>
      <c r="GD90" s="76"/>
      <c r="GE90" s="76"/>
      <c r="GF90" s="76"/>
      <c r="GG90" s="76"/>
      <c r="GH90" s="76"/>
      <c r="GI90" s="76"/>
      <c r="GJ90" s="76"/>
      <c r="GK90" s="76"/>
      <c r="GL90" s="76"/>
    </row>
  </sheetData>
  <mergeCells count="39">
    <mergeCell ref="A50:B50"/>
    <mergeCell ref="O50:P50"/>
    <mergeCell ref="AD50:AE50"/>
    <mergeCell ref="A9:B9"/>
    <mergeCell ref="O9:P9"/>
    <mergeCell ref="AD9:AE9"/>
    <mergeCell ref="A43:B43"/>
    <mergeCell ref="O43:P43"/>
    <mergeCell ref="AD43:AE43"/>
    <mergeCell ref="A7:B7"/>
    <mergeCell ref="O7:P7"/>
    <mergeCell ref="AD7:AE7"/>
    <mergeCell ref="A8:B8"/>
    <mergeCell ref="O8:P8"/>
    <mergeCell ref="AD8:AE8"/>
    <mergeCell ref="A5:B5"/>
    <mergeCell ref="O5:P5"/>
    <mergeCell ref="AD5:AE5"/>
    <mergeCell ref="A6:B6"/>
    <mergeCell ref="O6:P6"/>
    <mergeCell ref="AD6:AE6"/>
    <mergeCell ref="AO3:AO4"/>
    <mergeCell ref="W3:W4"/>
    <mergeCell ref="X3:Y3"/>
    <mergeCell ref="Z3:AC3"/>
    <mergeCell ref="AD3:AE4"/>
    <mergeCell ref="AF3:AH3"/>
    <mergeCell ref="AI3:AI4"/>
    <mergeCell ref="AJ3:AJ4"/>
    <mergeCell ref="AK3:AK4"/>
    <mergeCell ref="AL3:AL4"/>
    <mergeCell ref="AM3:AM4"/>
    <mergeCell ref="AN3:AN4"/>
    <mergeCell ref="Q3:V3"/>
    <mergeCell ref="A3:B4"/>
    <mergeCell ref="C3:C4"/>
    <mergeCell ref="M3:M4"/>
    <mergeCell ref="N3:N4"/>
    <mergeCell ref="O3:P4"/>
  </mergeCells>
  <phoneticPr fontId="2"/>
  <printOptions horizontalCentered="1"/>
  <pageMargins left="0.7" right="0.7" top="0.75" bottom="0.75" header="0.3" footer="0.3"/>
  <pageSetup paperSize="9" scale="70" orientation="landscape" blackAndWhite="1" r:id="rId1"/>
  <headerFooter alignWithMargins="0"/>
  <colBreaks count="2" manualBreakCount="2">
    <brk id="14" max="50" man="1"/>
    <brk id="29" max="50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7表</vt:lpstr>
      <vt:lpstr>第7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1:16:37Z</cp:lastPrinted>
  <dcterms:created xsi:type="dcterms:W3CDTF">2018-03-07T04:29:12Z</dcterms:created>
  <dcterms:modified xsi:type="dcterms:W3CDTF">2018-03-08T02:48:16Z</dcterms:modified>
</cp:coreProperties>
</file>